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3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drawings/drawing4.xml" ContentType="application/vnd.openxmlformats-officedocument.drawing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1155062015\Desktop\"/>
    </mc:Choice>
  </mc:AlternateContent>
  <bookViews>
    <workbookView xWindow="0" yWindow="0" windowWidth="28800" windowHeight="12345" tabRatio="500" activeTab="3"/>
  </bookViews>
  <sheets>
    <sheet name="ICBC" sheetId="4" r:id="rId1"/>
    <sheet name="China" sheetId="3" r:id="rId2"/>
    <sheet name="Germany " sheetId="5" r:id="rId3"/>
    <sheet name="US " sheetId="6" r:id="rId4"/>
  </sheets>
  <calcPr calcId="162913"/>
  <extLst>
    <ext xmlns:x14="http://schemas.microsoft.com/office/spreadsheetml/2009/9/main" uri="{79F54976-1DA5-4618-B147-4CDE4B953A38}">
      <x14:workbookPr defaultImageDpi="330"/>
    </ex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124" uniqueCount="48">
  <si>
    <t>MACD&amp;ADX</t>
  </si>
  <si>
    <t>Strategy2</t>
  </si>
  <si>
    <t>Pure MACD</t>
  </si>
  <si>
    <t>Date</t>
  </si>
  <si>
    <t>Strategy1</t>
  </si>
  <si>
    <t>Strategy 2</t>
  </si>
  <si>
    <t>Strategy 1</t>
  </si>
  <si>
    <t>CMBC Strategy 2</t>
  </si>
  <si>
    <t>CMBC Strategy 1</t>
  </si>
  <si>
    <t>CMB Strategy 2</t>
  </si>
  <si>
    <t>CMB Strategy 1</t>
  </si>
  <si>
    <t>Baosteel Strategy 2</t>
  </si>
  <si>
    <t>Baosteel Strategy 1</t>
  </si>
  <si>
    <t>Bank of China Strategy 2</t>
  </si>
  <si>
    <t>Bank of China Strategy 1</t>
  </si>
  <si>
    <t>ICBC Strategy 2</t>
  </si>
  <si>
    <t>ICBC Strategy 1</t>
  </si>
  <si>
    <t>Pure Strategy</t>
    <phoneticPr fontId="0" type="noConversion"/>
  </si>
  <si>
    <t>Strategy 2</t>
    <phoneticPr fontId="0" type="noConversion"/>
  </si>
  <si>
    <t>MACD&amp;ADX Strategy</t>
    <phoneticPr fontId="0" type="noConversion"/>
  </si>
  <si>
    <t>Strategy 1</t>
    <phoneticPr fontId="0" type="noConversion"/>
  </si>
  <si>
    <t xml:space="preserve">Buy and Hold </t>
  </si>
  <si>
    <t>ICBC Buy and Hold</t>
  </si>
  <si>
    <t>Strategy2 return</t>
  </si>
  <si>
    <t>Strategy1 return</t>
  </si>
  <si>
    <t>Strategy 2 return</t>
  </si>
  <si>
    <t>Infineon Technologies AG  Strategy 2</t>
  </si>
  <si>
    <t>Infineon Technologies AG  Strategy 1</t>
  </si>
  <si>
    <t>Fresenius Medical Care Strategy 2</t>
  </si>
  <si>
    <t>Fresenius Medical Care Strategy 1</t>
  </si>
  <si>
    <t>Deutsche Telekom AGStrategy 2</t>
  </si>
  <si>
    <t>Deutsche Telekom AG Strategy 1</t>
  </si>
  <si>
    <t>Deutsche Bank AG Strategy 2</t>
  </si>
  <si>
    <t>Deutsche Bank AG Strategy 1</t>
  </si>
  <si>
    <t>Daimler AG Strategy 2</t>
  </si>
  <si>
    <t>Daimler AG Strategy 1</t>
  </si>
  <si>
    <t>Commerzbank AG Strategy 2</t>
  </si>
  <si>
    <t>Commerzbank AG Strategy 1</t>
  </si>
  <si>
    <t>Adidas AG Strategy 2</t>
  </si>
  <si>
    <t>Adidas AG Strategy 1</t>
  </si>
  <si>
    <t>Strategy1</t>
    <phoneticPr fontId="1" type="noConversion"/>
  </si>
  <si>
    <t>百度</t>
  </si>
  <si>
    <t>甲骨文</t>
  </si>
  <si>
    <t>亚马逊</t>
  </si>
  <si>
    <t>Intel</t>
  </si>
  <si>
    <t>CSCO</t>
  </si>
  <si>
    <t>google</t>
  </si>
  <si>
    <t>appl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>
    <font>
      <sz val="12"/>
      <color theme="1"/>
      <name val="DengXian"/>
      <family val="2"/>
      <charset val="134"/>
      <scheme val="minor"/>
    </font>
    <font>
      <sz val="11"/>
      <color theme="1"/>
      <name val="DengXian"/>
      <family val="2"/>
      <charset val="136"/>
      <scheme val="minor"/>
    </font>
    <font>
      <sz val="11"/>
      <color theme="1"/>
      <name val="DengXian"/>
      <family val="2"/>
      <charset val="136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5">
    <border>
      <left/>
      <right/>
      <top/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0" fontId="2" fillId="0" borderId="0"/>
  </cellStyleXfs>
  <cellXfs count="14">
    <xf numFmtId="0" fontId="0" fillId="0" borderId="0" xfId="0"/>
    <xf numFmtId="0" fontId="0" fillId="2" borderId="0" xfId="0" applyFill="1"/>
    <xf numFmtId="0" fontId="0" fillId="0" borderId="1" xfId="0" applyBorder="1"/>
    <xf numFmtId="14" fontId="0" fillId="0" borderId="0" xfId="0" applyNumberFormat="1"/>
    <xf numFmtId="0" fontId="0" fillId="0" borderId="2" xfId="0" applyBorder="1" applyAlignment="1"/>
    <xf numFmtId="0" fontId="0" fillId="0" borderId="0" xfId="0" applyFill="1"/>
    <xf numFmtId="0" fontId="0" fillId="0" borderId="0" xfId="0" applyBorder="1"/>
    <xf numFmtId="0" fontId="2" fillId="0" borderId="0" xfId="1"/>
    <xf numFmtId="14" fontId="2" fillId="0" borderId="0" xfId="1" applyNumberFormat="1"/>
    <xf numFmtId="0" fontId="2" fillId="2" borderId="0" xfId="1" applyFill="1"/>
    <xf numFmtId="0" fontId="0" fillId="2" borderId="3" xfId="0" applyFill="1" applyBorder="1"/>
    <xf numFmtId="14" fontId="0" fillId="0" borderId="4" xfId="0" applyNumberFormat="1" applyBorder="1"/>
    <xf numFmtId="0" fontId="0" fillId="0" borderId="4" xfId="0" applyBorder="1"/>
    <xf numFmtId="0" fontId="1" fillId="0" borderId="0" xfId="1" applyFont="1"/>
  </cellXfs>
  <cellStyles count="2">
    <cellStyle name="Normal" xfId="0" builtinId="0"/>
    <cellStyle name="Normal 2" xfId="1"/>
  </cellStyles>
  <dxfs count="0"/>
  <tableStyles count="0" defaultTableStyle="TableStyleMedium9" defaultPivotStyle="PivotStyleMedium7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ICBC!$A$1</c:f>
              <c:strCache>
                <c:ptCount val="1"/>
                <c:pt idx="0">
                  <c:v>ICBC Strategy 1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ICBC!$A$3:$A$28</c:f>
              <c:numCache>
                <c:formatCode>m/d/yyyy</c:formatCode>
                <c:ptCount val="26"/>
                <c:pt idx="0">
                  <c:v>39043</c:v>
                </c:pt>
                <c:pt idx="1">
                  <c:v>39188</c:v>
                </c:pt>
                <c:pt idx="2">
                  <c:v>39301</c:v>
                </c:pt>
                <c:pt idx="3">
                  <c:v>39468</c:v>
                </c:pt>
                <c:pt idx="4">
                  <c:v>39582</c:v>
                </c:pt>
                <c:pt idx="5">
                  <c:v>39671</c:v>
                </c:pt>
                <c:pt idx="6">
                  <c:v>39924</c:v>
                </c:pt>
                <c:pt idx="7">
                  <c:v>40128</c:v>
                </c:pt>
                <c:pt idx="8">
                  <c:v>40143</c:v>
                </c:pt>
                <c:pt idx="9">
                  <c:v>40287</c:v>
                </c:pt>
                <c:pt idx="10">
                  <c:v>40372</c:v>
                </c:pt>
                <c:pt idx="11">
                  <c:v>40399</c:v>
                </c:pt>
                <c:pt idx="12">
                  <c:v>40441</c:v>
                </c:pt>
                <c:pt idx="13">
                  <c:v>40569</c:v>
                </c:pt>
                <c:pt idx="14">
                  <c:v>40604</c:v>
                </c:pt>
                <c:pt idx="15">
                  <c:v>40654</c:v>
                </c:pt>
                <c:pt idx="16">
                  <c:v>41039</c:v>
                </c:pt>
                <c:pt idx="17">
                  <c:v>41213</c:v>
                </c:pt>
                <c:pt idx="18">
                  <c:v>41410</c:v>
                </c:pt>
                <c:pt idx="19">
                  <c:v>41431</c:v>
                </c:pt>
                <c:pt idx="20">
                  <c:v>41515</c:v>
                </c:pt>
                <c:pt idx="21">
                  <c:v>41813</c:v>
                </c:pt>
                <c:pt idx="22">
                  <c:v>41970</c:v>
                </c:pt>
                <c:pt idx="23">
                  <c:v>42174</c:v>
                </c:pt>
                <c:pt idx="24">
                  <c:v>42314</c:v>
                </c:pt>
                <c:pt idx="25">
                  <c:v>42613</c:v>
                </c:pt>
              </c:numCache>
            </c:numRef>
          </c:xVal>
          <c:yVal>
            <c:numRef>
              <c:f>ICBC!$B$3:$B$28</c:f>
              <c:numCache>
                <c:formatCode>General</c:formatCode>
                <c:ptCount val="26"/>
                <c:pt idx="0">
                  <c:v>0</c:v>
                </c:pt>
                <c:pt idx="1">
                  <c:v>6.3582568321653987E-2</c:v>
                </c:pt>
                <c:pt idx="2">
                  <c:v>0.17054565270172306</c:v>
                </c:pt>
                <c:pt idx="3">
                  <c:v>8.8477952003681359E-2</c:v>
                </c:pt>
                <c:pt idx="4">
                  <c:v>8.5028590837615381E-2</c:v>
                </c:pt>
                <c:pt idx="5">
                  <c:v>3.2152180418788534E-2</c:v>
                </c:pt>
                <c:pt idx="6">
                  <c:v>8.2052653911711015E-2</c:v>
                </c:pt>
                <c:pt idx="7">
                  <c:v>0.14406777446978447</c:v>
                </c:pt>
                <c:pt idx="8">
                  <c:v>6.3961961330704087E-2</c:v>
                </c:pt>
                <c:pt idx="9">
                  <c:v>-6.401083053000356E-3</c:v>
                </c:pt>
                <c:pt idx="10">
                  <c:v>4.0097363893680793E-2</c:v>
                </c:pt>
                <c:pt idx="11">
                  <c:v>5.2507953819022068E-2</c:v>
                </c:pt>
                <c:pt idx="12">
                  <c:v>5.516665593779102E-2</c:v>
                </c:pt>
                <c:pt idx="13">
                  <c:v>5.2660321838176483E-2</c:v>
                </c:pt>
                <c:pt idx="14">
                  <c:v>3.8107414162994457E-2</c:v>
                </c:pt>
                <c:pt idx="15">
                  <c:v>4.4952078432201059E-2</c:v>
                </c:pt>
                <c:pt idx="16">
                  <c:v>6.6772423457467589E-2</c:v>
                </c:pt>
                <c:pt idx="17">
                  <c:v>5.8459911066889747E-2</c:v>
                </c:pt>
                <c:pt idx="18">
                  <c:v>5.5878301527702234E-2</c:v>
                </c:pt>
                <c:pt idx="19">
                  <c:v>5.3340132533645335E-2</c:v>
                </c:pt>
                <c:pt idx="20">
                  <c:v>3.2006661494989208E-2</c:v>
                </c:pt>
                <c:pt idx="21">
                  <c:v>8.3503483375109155E-3</c:v>
                </c:pt>
                <c:pt idx="22">
                  <c:v>0.10342338118076189</c:v>
                </c:pt>
                <c:pt idx="23">
                  <c:v>8.0908464096296484E-3</c:v>
                </c:pt>
                <c:pt idx="24">
                  <c:v>4.1693874623284E-2</c:v>
                </c:pt>
                <c:pt idx="25">
                  <c:v>8.980906513706155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8F1-4233-BB98-A97C53884F27}"/>
            </c:ext>
          </c:extLst>
        </c:ser>
        <c:ser>
          <c:idx val="1"/>
          <c:order val="1"/>
          <c:tx>
            <c:strRef>
              <c:f>ICBC!$D$1</c:f>
              <c:strCache>
                <c:ptCount val="1"/>
                <c:pt idx="0">
                  <c:v>ICBC Strategy 2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ICBC!$D$3:$D$91</c:f>
              <c:numCache>
                <c:formatCode>m/d/yyyy</c:formatCode>
                <c:ptCount val="89"/>
                <c:pt idx="0">
                  <c:v>39043</c:v>
                </c:pt>
                <c:pt idx="1">
                  <c:v>39188</c:v>
                </c:pt>
                <c:pt idx="2">
                  <c:v>39227</c:v>
                </c:pt>
                <c:pt idx="3">
                  <c:v>39301</c:v>
                </c:pt>
                <c:pt idx="4">
                  <c:v>39323</c:v>
                </c:pt>
                <c:pt idx="5">
                  <c:v>39387</c:v>
                </c:pt>
                <c:pt idx="6">
                  <c:v>39441</c:v>
                </c:pt>
                <c:pt idx="7">
                  <c:v>39468</c:v>
                </c:pt>
                <c:pt idx="8">
                  <c:v>39514</c:v>
                </c:pt>
                <c:pt idx="9">
                  <c:v>39560</c:v>
                </c:pt>
                <c:pt idx="10">
                  <c:v>39582</c:v>
                </c:pt>
                <c:pt idx="11">
                  <c:v>39671</c:v>
                </c:pt>
                <c:pt idx="12">
                  <c:v>39702</c:v>
                </c:pt>
                <c:pt idx="13">
                  <c:v>39749</c:v>
                </c:pt>
                <c:pt idx="14">
                  <c:v>39784</c:v>
                </c:pt>
                <c:pt idx="15">
                  <c:v>39805</c:v>
                </c:pt>
                <c:pt idx="16">
                  <c:v>39868</c:v>
                </c:pt>
                <c:pt idx="17">
                  <c:v>39924</c:v>
                </c:pt>
                <c:pt idx="18">
                  <c:v>39959</c:v>
                </c:pt>
                <c:pt idx="19">
                  <c:v>40001</c:v>
                </c:pt>
                <c:pt idx="20">
                  <c:v>40038</c:v>
                </c:pt>
                <c:pt idx="21">
                  <c:v>40085</c:v>
                </c:pt>
                <c:pt idx="22">
                  <c:v>40128</c:v>
                </c:pt>
                <c:pt idx="23">
                  <c:v>40143</c:v>
                </c:pt>
                <c:pt idx="24">
                  <c:v>40196</c:v>
                </c:pt>
                <c:pt idx="25">
                  <c:v>40247</c:v>
                </c:pt>
                <c:pt idx="26">
                  <c:v>40252</c:v>
                </c:pt>
                <c:pt idx="27">
                  <c:v>40287</c:v>
                </c:pt>
                <c:pt idx="28">
                  <c:v>40331</c:v>
                </c:pt>
                <c:pt idx="29">
                  <c:v>40372</c:v>
                </c:pt>
                <c:pt idx="30">
                  <c:v>40399</c:v>
                </c:pt>
                <c:pt idx="31">
                  <c:v>40441</c:v>
                </c:pt>
                <c:pt idx="32">
                  <c:v>40484</c:v>
                </c:pt>
                <c:pt idx="33">
                  <c:v>40569</c:v>
                </c:pt>
                <c:pt idx="34">
                  <c:v>40604</c:v>
                </c:pt>
                <c:pt idx="35">
                  <c:v>40625</c:v>
                </c:pt>
                <c:pt idx="36">
                  <c:v>40654</c:v>
                </c:pt>
                <c:pt idx="37">
                  <c:v>40680</c:v>
                </c:pt>
                <c:pt idx="38">
                  <c:v>40686</c:v>
                </c:pt>
                <c:pt idx="39">
                  <c:v>40714</c:v>
                </c:pt>
                <c:pt idx="40">
                  <c:v>40737</c:v>
                </c:pt>
                <c:pt idx="41">
                  <c:v>40800</c:v>
                </c:pt>
                <c:pt idx="42">
                  <c:v>40805</c:v>
                </c:pt>
                <c:pt idx="43">
                  <c:v>40812</c:v>
                </c:pt>
                <c:pt idx="44">
                  <c:v>40857</c:v>
                </c:pt>
                <c:pt idx="45">
                  <c:v>40939</c:v>
                </c:pt>
                <c:pt idx="46">
                  <c:v>40959</c:v>
                </c:pt>
                <c:pt idx="47">
                  <c:v>40967</c:v>
                </c:pt>
                <c:pt idx="48">
                  <c:v>40974</c:v>
                </c:pt>
                <c:pt idx="49">
                  <c:v>41039</c:v>
                </c:pt>
                <c:pt idx="50">
                  <c:v>41079</c:v>
                </c:pt>
                <c:pt idx="51">
                  <c:v>41114</c:v>
                </c:pt>
                <c:pt idx="52">
                  <c:v>41151</c:v>
                </c:pt>
                <c:pt idx="53">
                  <c:v>41213</c:v>
                </c:pt>
                <c:pt idx="54">
                  <c:v>41281</c:v>
                </c:pt>
                <c:pt idx="55">
                  <c:v>41295</c:v>
                </c:pt>
                <c:pt idx="56">
                  <c:v>41326</c:v>
                </c:pt>
                <c:pt idx="57">
                  <c:v>41366</c:v>
                </c:pt>
                <c:pt idx="58">
                  <c:v>41410</c:v>
                </c:pt>
                <c:pt idx="59">
                  <c:v>41431</c:v>
                </c:pt>
                <c:pt idx="60">
                  <c:v>41487</c:v>
                </c:pt>
                <c:pt idx="61">
                  <c:v>41515</c:v>
                </c:pt>
                <c:pt idx="62">
                  <c:v>41544</c:v>
                </c:pt>
                <c:pt idx="63">
                  <c:v>41613</c:v>
                </c:pt>
                <c:pt idx="64">
                  <c:v>41663</c:v>
                </c:pt>
                <c:pt idx="65">
                  <c:v>41701</c:v>
                </c:pt>
                <c:pt idx="66">
                  <c:v>41746</c:v>
                </c:pt>
                <c:pt idx="67">
                  <c:v>41813</c:v>
                </c:pt>
                <c:pt idx="68">
                  <c:v>41864</c:v>
                </c:pt>
                <c:pt idx="69">
                  <c:v>41906</c:v>
                </c:pt>
                <c:pt idx="70">
                  <c:v>41970</c:v>
                </c:pt>
                <c:pt idx="71">
                  <c:v>41996</c:v>
                </c:pt>
                <c:pt idx="72">
                  <c:v>42024</c:v>
                </c:pt>
                <c:pt idx="73">
                  <c:v>42128</c:v>
                </c:pt>
                <c:pt idx="74">
                  <c:v>42174</c:v>
                </c:pt>
                <c:pt idx="75">
                  <c:v>42207</c:v>
                </c:pt>
                <c:pt idx="76">
                  <c:v>42241</c:v>
                </c:pt>
                <c:pt idx="77">
                  <c:v>42277</c:v>
                </c:pt>
                <c:pt idx="78">
                  <c:v>42314</c:v>
                </c:pt>
                <c:pt idx="79">
                  <c:v>42332</c:v>
                </c:pt>
                <c:pt idx="80">
                  <c:v>42359</c:v>
                </c:pt>
                <c:pt idx="81">
                  <c:v>42374</c:v>
                </c:pt>
                <c:pt idx="82">
                  <c:v>42453</c:v>
                </c:pt>
                <c:pt idx="83">
                  <c:v>42489</c:v>
                </c:pt>
                <c:pt idx="84">
                  <c:v>42542</c:v>
                </c:pt>
                <c:pt idx="85">
                  <c:v>42559</c:v>
                </c:pt>
                <c:pt idx="86">
                  <c:v>42613</c:v>
                </c:pt>
                <c:pt idx="87">
                  <c:v>42674</c:v>
                </c:pt>
                <c:pt idx="88">
                  <c:v>42688</c:v>
                </c:pt>
              </c:numCache>
            </c:numRef>
          </c:xVal>
          <c:yVal>
            <c:numRef>
              <c:f>ICBC!$E$3:$E$91</c:f>
              <c:numCache>
                <c:formatCode>General</c:formatCode>
                <c:ptCount val="89"/>
                <c:pt idx="0">
                  <c:v>0</c:v>
                </c:pt>
                <c:pt idx="1">
                  <c:v>7.3929914868342772E-2</c:v>
                </c:pt>
                <c:pt idx="2">
                  <c:v>2.5369255300439875E-2</c:v>
                </c:pt>
                <c:pt idx="3">
                  <c:v>0.15478367114341474</c:v>
                </c:pt>
                <c:pt idx="4">
                  <c:v>0.18480162110594955</c:v>
                </c:pt>
                <c:pt idx="5">
                  <c:v>0.58451564447200299</c:v>
                </c:pt>
                <c:pt idx="6">
                  <c:v>0.53144611164263433</c:v>
                </c:pt>
                <c:pt idx="7">
                  <c:v>0.45266423748778029</c:v>
                </c:pt>
                <c:pt idx="8">
                  <c:v>0.35866864871916504</c:v>
                </c:pt>
                <c:pt idx="9">
                  <c:v>0.36088578404716221</c:v>
                </c:pt>
                <c:pt idx="10">
                  <c:v>0.2852817113924706</c:v>
                </c:pt>
                <c:pt idx="11">
                  <c:v>0.26455000020159392</c:v>
                </c:pt>
                <c:pt idx="12">
                  <c:v>0.13519250941178673</c:v>
                </c:pt>
                <c:pt idx="13">
                  <c:v>5.9883503473031618E-2</c:v>
                </c:pt>
                <c:pt idx="14">
                  <c:v>1.6622896159398826E-2</c:v>
                </c:pt>
                <c:pt idx="15">
                  <c:v>-2.0636612200958138E-2</c:v>
                </c:pt>
                <c:pt idx="16">
                  <c:v>1.5023907656133373E-2</c:v>
                </c:pt>
                <c:pt idx="17">
                  <c:v>0.10925702724391617</c:v>
                </c:pt>
                <c:pt idx="18">
                  <c:v>8.6147941337609835E-2</c:v>
                </c:pt>
                <c:pt idx="19">
                  <c:v>0.27107365286417395</c:v>
                </c:pt>
                <c:pt idx="20">
                  <c:v>0.16807723495679583</c:v>
                </c:pt>
                <c:pt idx="21">
                  <c:v>0.16561983718543383</c:v>
                </c:pt>
                <c:pt idx="22">
                  <c:v>0.22276013947861584</c:v>
                </c:pt>
                <c:pt idx="23">
                  <c:v>0.15793346323442869</c:v>
                </c:pt>
                <c:pt idx="24">
                  <c:v>0.12687687700157069</c:v>
                </c:pt>
                <c:pt idx="25">
                  <c:v>0.145657003589448</c:v>
                </c:pt>
                <c:pt idx="26">
                  <c:v>0.13858518004687093</c:v>
                </c:pt>
                <c:pt idx="27">
                  <c:v>8.2816459025335964E-2</c:v>
                </c:pt>
                <c:pt idx="28">
                  <c:v>-2.945805809103641E-4</c:v>
                </c:pt>
                <c:pt idx="29">
                  <c:v>2.0639735025080874E-3</c:v>
                </c:pt>
                <c:pt idx="30">
                  <c:v>1.6447410110010052E-2</c:v>
                </c:pt>
                <c:pt idx="31">
                  <c:v>-1.0957952599472742E-2</c:v>
                </c:pt>
                <c:pt idx="32">
                  <c:v>4.5557640347683837E-2</c:v>
                </c:pt>
                <c:pt idx="33">
                  <c:v>4.3074130513128805E-2</c:v>
                </c:pt>
                <c:pt idx="34">
                  <c:v>2.8653750828615543E-2</c:v>
                </c:pt>
                <c:pt idx="35">
                  <c:v>5.2575931080443894E-2</c:v>
                </c:pt>
                <c:pt idx="36">
                  <c:v>7.1288392077429652E-2</c:v>
                </c:pt>
                <c:pt idx="37">
                  <c:v>6.8913029789009705E-2</c:v>
                </c:pt>
                <c:pt idx="38">
                  <c:v>4.3184269772206241E-2</c:v>
                </c:pt>
                <c:pt idx="39">
                  <c:v>-1.3561821955959674E-3</c:v>
                </c:pt>
                <c:pt idx="40">
                  <c:v>-3.256380150198368E-2</c:v>
                </c:pt>
                <c:pt idx="41">
                  <c:v>-5.3393767498352451E-2</c:v>
                </c:pt>
                <c:pt idx="42">
                  <c:v>-6.03201545654376E-2</c:v>
                </c:pt>
                <c:pt idx="43">
                  <c:v>-7.4380202128049411E-2</c:v>
                </c:pt>
                <c:pt idx="44">
                  <c:v>-5.2022235995876631E-2</c:v>
                </c:pt>
                <c:pt idx="45">
                  <c:v>-2.2468972369848794E-2</c:v>
                </c:pt>
                <c:pt idx="46">
                  <c:v>-2.0242250211237822E-2</c:v>
                </c:pt>
                <c:pt idx="47">
                  <c:v>-1.8035588612614561E-2</c:v>
                </c:pt>
                <c:pt idx="48">
                  <c:v>-3.7985204193848099E-2</c:v>
                </c:pt>
                <c:pt idx="49">
                  <c:v>-1.7896728179334409E-2</c:v>
                </c:pt>
                <c:pt idx="50">
                  <c:v>-6.9834881977542729E-2</c:v>
                </c:pt>
                <c:pt idx="51">
                  <c:v>-0.13341578877907778</c:v>
                </c:pt>
                <c:pt idx="52">
                  <c:v>-0.10071449778960906</c:v>
                </c:pt>
                <c:pt idx="53">
                  <c:v>-9.5981416199028002E-2</c:v>
                </c:pt>
                <c:pt idx="54">
                  <c:v>-9.3267851092974086E-3</c:v>
                </c:pt>
                <c:pt idx="55">
                  <c:v>-6.9624098947611568E-3</c:v>
                </c:pt>
                <c:pt idx="56">
                  <c:v>-7.1387667418367218E-2</c:v>
                </c:pt>
                <c:pt idx="57">
                  <c:v>-9.3710079259271994E-2</c:v>
                </c:pt>
                <c:pt idx="58">
                  <c:v>-9.8120249189883935E-2</c:v>
                </c:pt>
                <c:pt idx="59">
                  <c:v>-0.10028822936010051</c:v>
                </c:pt>
                <c:pt idx="60">
                  <c:v>-0.10486691521577429</c:v>
                </c:pt>
                <c:pt idx="61">
                  <c:v>-0.12299619288229025</c:v>
                </c:pt>
                <c:pt idx="62">
                  <c:v>-0.17028561385432361</c:v>
                </c:pt>
                <c:pt idx="63">
                  <c:v>-0.17676775749608675</c:v>
                </c:pt>
                <c:pt idx="64">
                  <c:v>-0.21596929285341593</c:v>
                </c:pt>
                <c:pt idx="65">
                  <c:v>-0.24323992614547107</c:v>
                </c:pt>
                <c:pt idx="66">
                  <c:v>-0.21151944400785605</c:v>
                </c:pt>
                <c:pt idx="67">
                  <c:v>-0.22737968507666351</c:v>
                </c:pt>
                <c:pt idx="68">
                  <c:v>-0.21165776006368864</c:v>
                </c:pt>
                <c:pt idx="69">
                  <c:v>-0.22263745699873472</c:v>
                </c:pt>
                <c:pt idx="70">
                  <c:v>-0.14934327437290107</c:v>
                </c:pt>
                <c:pt idx="71">
                  <c:v>-5.6697492373909975E-2</c:v>
                </c:pt>
                <c:pt idx="72">
                  <c:v>-0.13499532897528499</c:v>
                </c:pt>
                <c:pt idx="73">
                  <c:v>3.8390907978443911E-2</c:v>
                </c:pt>
                <c:pt idx="74">
                  <c:v>-5.1323012379987931E-2</c:v>
                </c:pt>
                <c:pt idx="75">
                  <c:v>-0.15379334902187081</c:v>
                </c:pt>
                <c:pt idx="76">
                  <c:v>-0.31422002660314108</c:v>
                </c:pt>
                <c:pt idx="77">
                  <c:v>-0.34165122553901539</c:v>
                </c:pt>
                <c:pt idx="78">
                  <c:v>-0.31819113558049472</c:v>
                </c:pt>
                <c:pt idx="79">
                  <c:v>-0.32401856177211441</c:v>
                </c:pt>
                <c:pt idx="80">
                  <c:v>-0.31377641876866158</c:v>
                </c:pt>
                <c:pt idx="81">
                  <c:v>-0.33461618045464592</c:v>
                </c:pt>
                <c:pt idx="82">
                  <c:v>-0.30011479721896095</c:v>
                </c:pt>
                <c:pt idx="83">
                  <c:v>-0.30662535724483109</c:v>
                </c:pt>
                <c:pt idx="84">
                  <c:v>-0.28221075714781796</c:v>
                </c:pt>
                <c:pt idx="85">
                  <c:v>-0.32471143600090757</c:v>
                </c:pt>
                <c:pt idx="86">
                  <c:v>-0.29514811177053246</c:v>
                </c:pt>
                <c:pt idx="87">
                  <c:v>-0.29831598542549642</c:v>
                </c:pt>
                <c:pt idx="88">
                  <c:v>-0.3014910262154262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C8F1-4233-BB98-A97C53884F27}"/>
            </c:ext>
          </c:extLst>
        </c:ser>
        <c:ser>
          <c:idx val="2"/>
          <c:order val="2"/>
          <c:tx>
            <c:strRef>
              <c:f>ICBC!$G$1</c:f>
              <c:strCache>
                <c:ptCount val="1"/>
                <c:pt idx="0">
                  <c:v>ICBC Buy and Hold</c:v>
                </c:pt>
              </c:strCache>
            </c:strRef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xVal>
            <c:numRef>
              <c:f>ICBC!$G$3:$G$2417</c:f>
              <c:numCache>
                <c:formatCode>m/d/yyyy</c:formatCode>
                <c:ptCount val="2415"/>
                <c:pt idx="0">
                  <c:v>39043</c:v>
                </c:pt>
                <c:pt idx="1">
                  <c:v>39044</c:v>
                </c:pt>
                <c:pt idx="2">
                  <c:v>39045</c:v>
                </c:pt>
                <c:pt idx="3">
                  <c:v>39048</c:v>
                </c:pt>
                <c:pt idx="4">
                  <c:v>39049</c:v>
                </c:pt>
                <c:pt idx="5">
                  <c:v>39050</c:v>
                </c:pt>
                <c:pt idx="6">
                  <c:v>39051</c:v>
                </c:pt>
                <c:pt idx="7">
                  <c:v>39052</c:v>
                </c:pt>
                <c:pt idx="8">
                  <c:v>39055</c:v>
                </c:pt>
                <c:pt idx="9">
                  <c:v>39056</c:v>
                </c:pt>
                <c:pt idx="10">
                  <c:v>39057</c:v>
                </c:pt>
                <c:pt idx="11">
                  <c:v>39058</c:v>
                </c:pt>
                <c:pt idx="12">
                  <c:v>39059</c:v>
                </c:pt>
                <c:pt idx="13">
                  <c:v>39062</c:v>
                </c:pt>
                <c:pt idx="14">
                  <c:v>39063</c:v>
                </c:pt>
                <c:pt idx="15">
                  <c:v>39064</c:v>
                </c:pt>
                <c:pt idx="16">
                  <c:v>39065</c:v>
                </c:pt>
                <c:pt idx="17">
                  <c:v>39066</c:v>
                </c:pt>
                <c:pt idx="18">
                  <c:v>39069</c:v>
                </c:pt>
                <c:pt idx="19">
                  <c:v>39070</c:v>
                </c:pt>
                <c:pt idx="20">
                  <c:v>39071</c:v>
                </c:pt>
                <c:pt idx="21">
                  <c:v>39072</c:v>
                </c:pt>
                <c:pt idx="22">
                  <c:v>39073</c:v>
                </c:pt>
                <c:pt idx="23">
                  <c:v>39076</c:v>
                </c:pt>
                <c:pt idx="24">
                  <c:v>39077</c:v>
                </c:pt>
                <c:pt idx="25">
                  <c:v>39078</c:v>
                </c:pt>
                <c:pt idx="26">
                  <c:v>39079</c:v>
                </c:pt>
                <c:pt idx="27">
                  <c:v>39080</c:v>
                </c:pt>
                <c:pt idx="28">
                  <c:v>39086</c:v>
                </c:pt>
                <c:pt idx="29">
                  <c:v>39087</c:v>
                </c:pt>
                <c:pt idx="30">
                  <c:v>39090</c:v>
                </c:pt>
                <c:pt idx="31">
                  <c:v>39091</c:v>
                </c:pt>
                <c:pt idx="32">
                  <c:v>39092</c:v>
                </c:pt>
                <c:pt idx="33">
                  <c:v>39093</c:v>
                </c:pt>
                <c:pt idx="34">
                  <c:v>39094</c:v>
                </c:pt>
                <c:pt idx="35">
                  <c:v>39097</c:v>
                </c:pt>
                <c:pt idx="36">
                  <c:v>39098</c:v>
                </c:pt>
                <c:pt idx="37">
                  <c:v>39099</c:v>
                </c:pt>
                <c:pt idx="38">
                  <c:v>39100</c:v>
                </c:pt>
                <c:pt idx="39">
                  <c:v>39101</c:v>
                </c:pt>
                <c:pt idx="40">
                  <c:v>39104</c:v>
                </c:pt>
                <c:pt idx="41">
                  <c:v>39105</c:v>
                </c:pt>
                <c:pt idx="42">
                  <c:v>39106</c:v>
                </c:pt>
                <c:pt idx="43">
                  <c:v>39107</c:v>
                </c:pt>
                <c:pt idx="44">
                  <c:v>39108</c:v>
                </c:pt>
                <c:pt idx="45">
                  <c:v>39111</c:v>
                </c:pt>
                <c:pt idx="46">
                  <c:v>39112</c:v>
                </c:pt>
                <c:pt idx="47">
                  <c:v>39113</c:v>
                </c:pt>
                <c:pt idx="48">
                  <c:v>39114</c:v>
                </c:pt>
                <c:pt idx="49">
                  <c:v>39115</c:v>
                </c:pt>
                <c:pt idx="50">
                  <c:v>39118</c:v>
                </c:pt>
                <c:pt idx="51">
                  <c:v>39119</c:v>
                </c:pt>
                <c:pt idx="52">
                  <c:v>39120</c:v>
                </c:pt>
                <c:pt idx="53">
                  <c:v>39121</c:v>
                </c:pt>
                <c:pt idx="54">
                  <c:v>39122</c:v>
                </c:pt>
                <c:pt idx="55">
                  <c:v>39125</c:v>
                </c:pt>
                <c:pt idx="56">
                  <c:v>39126</c:v>
                </c:pt>
                <c:pt idx="57">
                  <c:v>39127</c:v>
                </c:pt>
                <c:pt idx="58">
                  <c:v>39128</c:v>
                </c:pt>
                <c:pt idx="59">
                  <c:v>39129</c:v>
                </c:pt>
                <c:pt idx="60">
                  <c:v>39139</c:v>
                </c:pt>
                <c:pt idx="61">
                  <c:v>39140</c:v>
                </c:pt>
                <c:pt idx="62">
                  <c:v>39141</c:v>
                </c:pt>
                <c:pt idx="63">
                  <c:v>39142</c:v>
                </c:pt>
                <c:pt idx="64">
                  <c:v>39143</c:v>
                </c:pt>
                <c:pt idx="65">
                  <c:v>39146</c:v>
                </c:pt>
                <c:pt idx="66">
                  <c:v>39147</c:v>
                </c:pt>
                <c:pt idx="67">
                  <c:v>39148</c:v>
                </c:pt>
                <c:pt idx="68">
                  <c:v>39149</c:v>
                </c:pt>
                <c:pt idx="69">
                  <c:v>39150</c:v>
                </c:pt>
                <c:pt idx="70">
                  <c:v>39153</c:v>
                </c:pt>
                <c:pt idx="71">
                  <c:v>39154</c:v>
                </c:pt>
                <c:pt idx="72">
                  <c:v>39155</c:v>
                </c:pt>
                <c:pt idx="73">
                  <c:v>39156</c:v>
                </c:pt>
                <c:pt idx="74">
                  <c:v>39157</c:v>
                </c:pt>
                <c:pt idx="75">
                  <c:v>39160</c:v>
                </c:pt>
                <c:pt idx="76">
                  <c:v>39161</c:v>
                </c:pt>
                <c:pt idx="77">
                  <c:v>39163</c:v>
                </c:pt>
                <c:pt idx="78">
                  <c:v>39164</c:v>
                </c:pt>
                <c:pt idx="79">
                  <c:v>39167</c:v>
                </c:pt>
                <c:pt idx="80">
                  <c:v>39168</c:v>
                </c:pt>
                <c:pt idx="81">
                  <c:v>39169</c:v>
                </c:pt>
                <c:pt idx="82">
                  <c:v>39170</c:v>
                </c:pt>
                <c:pt idx="83">
                  <c:v>39171</c:v>
                </c:pt>
                <c:pt idx="84">
                  <c:v>39174</c:v>
                </c:pt>
                <c:pt idx="85">
                  <c:v>39175</c:v>
                </c:pt>
                <c:pt idx="86">
                  <c:v>39176</c:v>
                </c:pt>
                <c:pt idx="87">
                  <c:v>39177</c:v>
                </c:pt>
                <c:pt idx="88">
                  <c:v>39178</c:v>
                </c:pt>
                <c:pt idx="89">
                  <c:v>39181</c:v>
                </c:pt>
                <c:pt idx="90">
                  <c:v>39182</c:v>
                </c:pt>
                <c:pt idx="91">
                  <c:v>39183</c:v>
                </c:pt>
                <c:pt idx="92">
                  <c:v>39184</c:v>
                </c:pt>
                <c:pt idx="93">
                  <c:v>39185</c:v>
                </c:pt>
                <c:pt idx="94">
                  <c:v>39188</c:v>
                </c:pt>
                <c:pt idx="95">
                  <c:v>39189</c:v>
                </c:pt>
                <c:pt idx="96">
                  <c:v>39190</c:v>
                </c:pt>
                <c:pt idx="97">
                  <c:v>39191</c:v>
                </c:pt>
                <c:pt idx="98">
                  <c:v>39192</c:v>
                </c:pt>
                <c:pt idx="99">
                  <c:v>39195</c:v>
                </c:pt>
                <c:pt idx="100">
                  <c:v>39196</c:v>
                </c:pt>
                <c:pt idx="101">
                  <c:v>39197</c:v>
                </c:pt>
                <c:pt idx="102">
                  <c:v>39198</c:v>
                </c:pt>
                <c:pt idx="103">
                  <c:v>39199</c:v>
                </c:pt>
                <c:pt idx="104">
                  <c:v>39202</c:v>
                </c:pt>
                <c:pt idx="105">
                  <c:v>39210</c:v>
                </c:pt>
                <c:pt idx="106">
                  <c:v>39211</c:v>
                </c:pt>
                <c:pt idx="107">
                  <c:v>39212</c:v>
                </c:pt>
                <c:pt idx="108">
                  <c:v>39213</c:v>
                </c:pt>
                <c:pt idx="109">
                  <c:v>39216</c:v>
                </c:pt>
                <c:pt idx="110">
                  <c:v>39217</c:v>
                </c:pt>
                <c:pt idx="111">
                  <c:v>39218</c:v>
                </c:pt>
                <c:pt idx="112">
                  <c:v>39219</c:v>
                </c:pt>
                <c:pt idx="113">
                  <c:v>39220</c:v>
                </c:pt>
                <c:pt idx="114">
                  <c:v>39223</c:v>
                </c:pt>
                <c:pt idx="115">
                  <c:v>39224</c:v>
                </c:pt>
                <c:pt idx="116">
                  <c:v>39225</c:v>
                </c:pt>
                <c:pt idx="117">
                  <c:v>39226</c:v>
                </c:pt>
                <c:pt idx="118">
                  <c:v>39227</c:v>
                </c:pt>
                <c:pt idx="119">
                  <c:v>39230</c:v>
                </c:pt>
                <c:pt idx="120">
                  <c:v>39231</c:v>
                </c:pt>
                <c:pt idx="121">
                  <c:v>39232</c:v>
                </c:pt>
                <c:pt idx="122">
                  <c:v>39233</c:v>
                </c:pt>
                <c:pt idx="123">
                  <c:v>39234</c:v>
                </c:pt>
                <c:pt idx="124">
                  <c:v>39237</c:v>
                </c:pt>
                <c:pt idx="125">
                  <c:v>39238</c:v>
                </c:pt>
                <c:pt idx="126">
                  <c:v>39239</c:v>
                </c:pt>
                <c:pt idx="127">
                  <c:v>39240</c:v>
                </c:pt>
                <c:pt idx="128">
                  <c:v>39241</c:v>
                </c:pt>
                <c:pt idx="129">
                  <c:v>39244</c:v>
                </c:pt>
                <c:pt idx="130">
                  <c:v>39246</c:v>
                </c:pt>
                <c:pt idx="131">
                  <c:v>39247</c:v>
                </c:pt>
                <c:pt idx="132">
                  <c:v>39248</c:v>
                </c:pt>
                <c:pt idx="133">
                  <c:v>39251</c:v>
                </c:pt>
                <c:pt idx="134">
                  <c:v>39252</c:v>
                </c:pt>
                <c:pt idx="135">
                  <c:v>39253</c:v>
                </c:pt>
                <c:pt idx="136">
                  <c:v>39254</c:v>
                </c:pt>
                <c:pt idx="137">
                  <c:v>39255</c:v>
                </c:pt>
                <c:pt idx="138">
                  <c:v>39258</c:v>
                </c:pt>
                <c:pt idx="139">
                  <c:v>39259</c:v>
                </c:pt>
                <c:pt idx="140">
                  <c:v>39260</c:v>
                </c:pt>
                <c:pt idx="141">
                  <c:v>39261</c:v>
                </c:pt>
                <c:pt idx="142">
                  <c:v>39262</c:v>
                </c:pt>
                <c:pt idx="143">
                  <c:v>39265</c:v>
                </c:pt>
                <c:pt idx="144">
                  <c:v>39266</c:v>
                </c:pt>
                <c:pt idx="145">
                  <c:v>39267</c:v>
                </c:pt>
                <c:pt idx="146">
                  <c:v>39268</c:v>
                </c:pt>
                <c:pt idx="147">
                  <c:v>39269</c:v>
                </c:pt>
                <c:pt idx="148">
                  <c:v>39272</c:v>
                </c:pt>
                <c:pt idx="149">
                  <c:v>39273</c:v>
                </c:pt>
                <c:pt idx="150">
                  <c:v>39274</c:v>
                </c:pt>
                <c:pt idx="151">
                  <c:v>39275</c:v>
                </c:pt>
                <c:pt idx="152">
                  <c:v>39276</c:v>
                </c:pt>
                <c:pt idx="153">
                  <c:v>39279</c:v>
                </c:pt>
                <c:pt idx="154">
                  <c:v>39280</c:v>
                </c:pt>
                <c:pt idx="155">
                  <c:v>39281</c:v>
                </c:pt>
                <c:pt idx="156">
                  <c:v>39282</c:v>
                </c:pt>
                <c:pt idx="157">
                  <c:v>39283</c:v>
                </c:pt>
                <c:pt idx="158">
                  <c:v>39286</c:v>
                </c:pt>
                <c:pt idx="159">
                  <c:v>39287</c:v>
                </c:pt>
                <c:pt idx="160">
                  <c:v>39288</c:v>
                </c:pt>
                <c:pt idx="161">
                  <c:v>39289</c:v>
                </c:pt>
                <c:pt idx="162">
                  <c:v>39290</c:v>
                </c:pt>
                <c:pt idx="163">
                  <c:v>39293</c:v>
                </c:pt>
                <c:pt idx="164">
                  <c:v>39294</c:v>
                </c:pt>
                <c:pt idx="165">
                  <c:v>39295</c:v>
                </c:pt>
                <c:pt idx="166">
                  <c:v>39296</c:v>
                </c:pt>
                <c:pt idx="167">
                  <c:v>39297</c:v>
                </c:pt>
                <c:pt idx="168">
                  <c:v>39300</c:v>
                </c:pt>
                <c:pt idx="169">
                  <c:v>39301</c:v>
                </c:pt>
                <c:pt idx="170">
                  <c:v>39302</c:v>
                </c:pt>
                <c:pt idx="171">
                  <c:v>39303</c:v>
                </c:pt>
                <c:pt idx="172">
                  <c:v>39304</c:v>
                </c:pt>
                <c:pt idx="173">
                  <c:v>39307</c:v>
                </c:pt>
                <c:pt idx="174">
                  <c:v>39308</c:v>
                </c:pt>
                <c:pt idx="175">
                  <c:v>39309</c:v>
                </c:pt>
                <c:pt idx="176">
                  <c:v>39310</c:v>
                </c:pt>
                <c:pt idx="177">
                  <c:v>39311</c:v>
                </c:pt>
                <c:pt idx="178">
                  <c:v>39314</c:v>
                </c:pt>
                <c:pt idx="179">
                  <c:v>39315</c:v>
                </c:pt>
                <c:pt idx="180">
                  <c:v>39316</c:v>
                </c:pt>
                <c:pt idx="181">
                  <c:v>39317</c:v>
                </c:pt>
                <c:pt idx="182">
                  <c:v>39318</c:v>
                </c:pt>
                <c:pt idx="183">
                  <c:v>39321</c:v>
                </c:pt>
                <c:pt idx="184">
                  <c:v>39322</c:v>
                </c:pt>
                <c:pt idx="185">
                  <c:v>39323</c:v>
                </c:pt>
                <c:pt idx="186">
                  <c:v>39324</c:v>
                </c:pt>
                <c:pt idx="187">
                  <c:v>39325</c:v>
                </c:pt>
                <c:pt idx="188">
                  <c:v>39328</c:v>
                </c:pt>
                <c:pt idx="189">
                  <c:v>39329</c:v>
                </c:pt>
                <c:pt idx="190">
                  <c:v>39330</c:v>
                </c:pt>
                <c:pt idx="191">
                  <c:v>39331</c:v>
                </c:pt>
                <c:pt idx="192">
                  <c:v>39332</c:v>
                </c:pt>
                <c:pt idx="193">
                  <c:v>39335</c:v>
                </c:pt>
                <c:pt idx="194">
                  <c:v>39336</c:v>
                </c:pt>
                <c:pt idx="195">
                  <c:v>39337</c:v>
                </c:pt>
                <c:pt idx="196">
                  <c:v>39338</c:v>
                </c:pt>
                <c:pt idx="197">
                  <c:v>39339</c:v>
                </c:pt>
                <c:pt idx="198">
                  <c:v>39342</c:v>
                </c:pt>
                <c:pt idx="199">
                  <c:v>39343</c:v>
                </c:pt>
                <c:pt idx="200">
                  <c:v>39344</c:v>
                </c:pt>
                <c:pt idx="201">
                  <c:v>39345</c:v>
                </c:pt>
                <c:pt idx="202">
                  <c:v>39346</c:v>
                </c:pt>
                <c:pt idx="203">
                  <c:v>39349</c:v>
                </c:pt>
                <c:pt idx="204">
                  <c:v>39350</c:v>
                </c:pt>
                <c:pt idx="205">
                  <c:v>39351</c:v>
                </c:pt>
                <c:pt idx="206">
                  <c:v>39352</c:v>
                </c:pt>
                <c:pt idx="207">
                  <c:v>39353</c:v>
                </c:pt>
                <c:pt idx="208">
                  <c:v>39363</c:v>
                </c:pt>
                <c:pt idx="209">
                  <c:v>39364</c:v>
                </c:pt>
                <c:pt idx="210">
                  <c:v>39365</c:v>
                </c:pt>
                <c:pt idx="211">
                  <c:v>39366</c:v>
                </c:pt>
                <c:pt idx="212">
                  <c:v>39367</c:v>
                </c:pt>
                <c:pt idx="213">
                  <c:v>39370</c:v>
                </c:pt>
                <c:pt idx="214">
                  <c:v>39371</c:v>
                </c:pt>
                <c:pt idx="215">
                  <c:v>39372</c:v>
                </c:pt>
                <c:pt idx="216">
                  <c:v>39373</c:v>
                </c:pt>
                <c:pt idx="217">
                  <c:v>39374</c:v>
                </c:pt>
                <c:pt idx="218">
                  <c:v>39377</c:v>
                </c:pt>
                <c:pt idx="219">
                  <c:v>39378</c:v>
                </c:pt>
                <c:pt idx="220">
                  <c:v>39379</c:v>
                </c:pt>
                <c:pt idx="221">
                  <c:v>39380</c:v>
                </c:pt>
                <c:pt idx="222">
                  <c:v>39384</c:v>
                </c:pt>
                <c:pt idx="223">
                  <c:v>39385</c:v>
                </c:pt>
                <c:pt idx="224">
                  <c:v>39386</c:v>
                </c:pt>
                <c:pt idx="225">
                  <c:v>39387</c:v>
                </c:pt>
                <c:pt idx="226">
                  <c:v>39388</c:v>
                </c:pt>
                <c:pt idx="227">
                  <c:v>39391</c:v>
                </c:pt>
                <c:pt idx="228">
                  <c:v>39392</c:v>
                </c:pt>
                <c:pt idx="229">
                  <c:v>39393</c:v>
                </c:pt>
                <c:pt idx="230">
                  <c:v>39394</c:v>
                </c:pt>
                <c:pt idx="231">
                  <c:v>39395</c:v>
                </c:pt>
                <c:pt idx="232">
                  <c:v>39398</c:v>
                </c:pt>
                <c:pt idx="233">
                  <c:v>39399</c:v>
                </c:pt>
                <c:pt idx="234">
                  <c:v>39400</c:v>
                </c:pt>
                <c:pt idx="235">
                  <c:v>39401</c:v>
                </c:pt>
                <c:pt idx="236">
                  <c:v>39402</c:v>
                </c:pt>
                <c:pt idx="237">
                  <c:v>39405</c:v>
                </c:pt>
                <c:pt idx="238">
                  <c:v>39406</c:v>
                </c:pt>
                <c:pt idx="239">
                  <c:v>39407</c:v>
                </c:pt>
                <c:pt idx="240">
                  <c:v>39408</c:v>
                </c:pt>
                <c:pt idx="241">
                  <c:v>39409</c:v>
                </c:pt>
                <c:pt idx="242">
                  <c:v>39412</c:v>
                </c:pt>
                <c:pt idx="243">
                  <c:v>39413</c:v>
                </c:pt>
                <c:pt idx="244">
                  <c:v>39414</c:v>
                </c:pt>
                <c:pt idx="245">
                  <c:v>39415</c:v>
                </c:pt>
                <c:pt idx="246">
                  <c:v>39416</c:v>
                </c:pt>
                <c:pt idx="247">
                  <c:v>39419</c:v>
                </c:pt>
                <c:pt idx="248">
                  <c:v>39420</c:v>
                </c:pt>
                <c:pt idx="249">
                  <c:v>39421</c:v>
                </c:pt>
                <c:pt idx="250">
                  <c:v>39422</c:v>
                </c:pt>
                <c:pt idx="251">
                  <c:v>39423</c:v>
                </c:pt>
                <c:pt idx="252">
                  <c:v>39426</c:v>
                </c:pt>
                <c:pt idx="253">
                  <c:v>39427</c:v>
                </c:pt>
                <c:pt idx="254">
                  <c:v>39428</c:v>
                </c:pt>
                <c:pt idx="255">
                  <c:v>39430</c:v>
                </c:pt>
                <c:pt idx="256">
                  <c:v>39433</c:v>
                </c:pt>
                <c:pt idx="257">
                  <c:v>39434</c:v>
                </c:pt>
                <c:pt idx="258">
                  <c:v>39435</c:v>
                </c:pt>
                <c:pt idx="259">
                  <c:v>39436</c:v>
                </c:pt>
                <c:pt idx="260">
                  <c:v>39437</c:v>
                </c:pt>
                <c:pt idx="261">
                  <c:v>39440</c:v>
                </c:pt>
                <c:pt idx="262">
                  <c:v>39441</c:v>
                </c:pt>
                <c:pt idx="263">
                  <c:v>39442</c:v>
                </c:pt>
                <c:pt idx="264">
                  <c:v>39443</c:v>
                </c:pt>
                <c:pt idx="265">
                  <c:v>39444</c:v>
                </c:pt>
                <c:pt idx="266">
                  <c:v>39449</c:v>
                </c:pt>
                <c:pt idx="267">
                  <c:v>39450</c:v>
                </c:pt>
                <c:pt idx="268">
                  <c:v>39451</c:v>
                </c:pt>
                <c:pt idx="269">
                  <c:v>39454</c:v>
                </c:pt>
                <c:pt idx="270">
                  <c:v>39455</c:v>
                </c:pt>
                <c:pt idx="271">
                  <c:v>39456</c:v>
                </c:pt>
                <c:pt idx="272">
                  <c:v>39457</c:v>
                </c:pt>
                <c:pt idx="273">
                  <c:v>39458</c:v>
                </c:pt>
                <c:pt idx="274">
                  <c:v>39461</c:v>
                </c:pt>
                <c:pt idx="275">
                  <c:v>39462</c:v>
                </c:pt>
                <c:pt idx="276">
                  <c:v>39463</c:v>
                </c:pt>
                <c:pt idx="277">
                  <c:v>39464</c:v>
                </c:pt>
                <c:pt idx="278">
                  <c:v>39465</c:v>
                </c:pt>
                <c:pt idx="279">
                  <c:v>39468</c:v>
                </c:pt>
                <c:pt idx="280">
                  <c:v>39469</c:v>
                </c:pt>
                <c:pt idx="281">
                  <c:v>39470</c:v>
                </c:pt>
                <c:pt idx="282">
                  <c:v>39471</c:v>
                </c:pt>
                <c:pt idx="283">
                  <c:v>39472</c:v>
                </c:pt>
                <c:pt idx="284">
                  <c:v>39475</c:v>
                </c:pt>
                <c:pt idx="285">
                  <c:v>39476</c:v>
                </c:pt>
                <c:pt idx="286">
                  <c:v>39477</c:v>
                </c:pt>
                <c:pt idx="287">
                  <c:v>39478</c:v>
                </c:pt>
                <c:pt idx="288">
                  <c:v>39479</c:v>
                </c:pt>
                <c:pt idx="289">
                  <c:v>39482</c:v>
                </c:pt>
                <c:pt idx="290">
                  <c:v>39483</c:v>
                </c:pt>
                <c:pt idx="291">
                  <c:v>39491</c:v>
                </c:pt>
                <c:pt idx="292">
                  <c:v>39492</c:v>
                </c:pt>
                <c:pt idx="293">
                  <c:v>39493</c:v>
                </c:pt>
                <c:pt idx="294">
                  <c:v>39496</c:v>
                </c:pt>
                <c:pt idx="295">
                  <c:v>39497</c:v>
                </c:pt>
                <c:pt idx="296">
                  <c:v>39498</c:v>
                </c:pt>
                <c:pt idx="297">
                  <c:v>39499</c:v>
                </c:pt>
                <c:pt idx="298">
                  <c:v>39500</c:v>
                </c:pt>
                <c:pt idx="299">
                  <c:v>39503</c:v>
                </c:pt>
                <c:pt idx="300">
                  <c:v>39504</c:v>
                </c:pt>
                <c:pt idx="301">
                  <c:v>39505</c:v>
                </c:pt>
                <c:pt idx="302">
                  <c:v>39506</c:v>
                </c:pt>
                <c:pt idx="303">
                  <c:v>39507</c:v>
                </c:pt>
                <c:pt idx="304">
                  <c:v>39510</c:v>
                </c:pt>
                <c:pt idx="305">
                  <c:v>39511</c:v>
                </c:pt>
                <c:pt idx="306">
                  <c:v>39512</c:v>
                </c:pt>
                <c:pt idx="307">
                  <c:v>39513</c:v>
                </c:pt>
                <c:pt idx="308">
                  <c:v>39514</c:v>
                </c:pt>
                <c:pt idx="309">
                  <c:v>39517</c:v>
                </c:pt>
                <c:pt idx="310">
                  <c:v>39518</c:v>
                </c:pt>
                <c:pt idx="311">
                  <c:v>39519</c:v>
                </c:pt>
                <c:pt idx="312">
                  <c:v>39520</c:v>
                </c:pt>
                <c:pt idx="313">
                  <c:v>39521</c:v>
                </c:pt>
                <c:pt idx="314">
                  <c:v>39524</c:v>
                </c:pt>
                <c:pt idx="315">
                  <c:v>39525</c:v>
                </c:pt>
                <c:pt idx="316">
                  <c:v>39526</c:v>
                </c:pt>
                <c:pt idx="317">
                  <c:v>39527</c:v>
                </c:pt>
                <c:pt idx="318">
                  <c:v>39528</c:v>
                </c:pt>
                <c:pt idx="319">
                  <c:v>39531</c:v>
                </c:pt>
                <c:pt idx="320">
                  <c:v>39532</c:v>
                </c:pt>
                <c:pt idx="321">
                  <c:v>39533</c:v>
                </c:pt>
                <c:pt idx="322">
                  <c:v>39534</c:v>
                </c:pt>
                <c:pt idx="323">
                  <c:v>39535</c:v>
                </c:pt>
                <c:pt idx="324">
                  <c:v>39538</c:v>
                </c:pt>
                <c:pt idx="325">
                  <c:v>39539</c:v>
                </c:pt>
                <c:pt idx="326">
                  <c:v>39540</c:v>
                </c:pt>
                <c:pt idx="327">
                  <c:v>39541</c:v>
                </c:pt>
                <c:pt idx="328">
                  <c:v>39545</c:v>
                </c:pt>
                <c:pt idx="329">
                  <c:v>39546</c:v>
                </c:pt>
                <c:pt idx="330">
                  <c:v>39547</c:v>
                </c:pt>
                <c:pt idx="331">
                  <c:v>39548</c:v>
                </c:pt>
                <c:pt idx="332">
                  <c:v>39549</c:v>
                </c:pt>
                <c:pt idx="333">
                  <c:v>39552</c:v>
                </c:pt>
                <c:pt idx="334">
                  <c:v>39553</c:v>
                </c:pt>
                <c:pt idx="335">
                  <c:v>39554</c:v>
                </c:pt>
                <c:pt idx="336">
                  <c:v>39555</c:v>
                </c:pt>
                <c:pt idx="337">
                  <c:v>39556</c:v>
                </c:pt>
                <c:pt idx="338">
                  <c:v>39559</c:v>
                </c:pt>
                <c:pt idx="339">
                  <c:v>39560</c:v>
                </c:pt>
                <c:pt idx="340">
                  <c:v>39561</c:v>
                </c:pt>
                <c:pt idx="341">
                  <c:v>39562</c:v>
                </c:pt>
                <c:pt idx="342">
                  <c:v>39563</c:v>
                </c:pt>
                <c:pt idx="343">
                  <c:v>39566</c:v>
                </c:pt>
                <c:pt idx="344">
                  <c:v>39567</c:v>
                </c:pt>
                <c:pt idx="345">
                  <c:v>39568</c:v>
                </c:pt>
                <c:pt idx="346">
                  <c:v>39573</c:v>
                </c:pt>
                <c:pt idx="347">
                  <c:v>39574</c:v>
                </c:pt>
                <c:pt idx="348">
                  <c:v>39575</c:v>
                </c:pt>
                <c:pt idx="349">
                  <c:v>39576</c:v>
                </c:pt>
                <c:pt idx="350">
                  <c:v>39577</c:v>
                </c:pt>
                <c:pt idx="351">
                  <c:v>39580</c:v>
                </c:pt>
                <c:pt idx="352">
                  <c:v>39581</c:v>
                </c:pt>
                <c:pt idx="353">
                  <c:v>39582</c:v>
                </c:pt>
                <c:pt idx="354">
                  <c:v>39583</c:v>
                </c:pt>
                <c:pt idx="355">
                  <c:v>39584</c:v>
                </c:pt>
                <c:pt idx="356">
                  <c:v>39587</c:v>
                </c:pt>
                <c:pt idx="357">
                  <c:v>39588</c:v>
                </c:pt>
                <c:pt idx="358">
                  <c:v>39589</c:v>
                </c:pt>
                <c:pt idx="359">
                  <c:v>39590</c:v>
                </c:pt>
                <c:pt idx="360">
                  <c:v>39591</c:v>
                </c:pt>
                <c:pt idx="361">
                  <c:v>39594</c:v>
                </c:pt>
                <c:pt idx="362">
                  <c:v>39595</c:v>
                </c:pt>
                <c:pt idx="363">
                  <c:v>39596</c:v>
                </c:pt>
                <c:pt idx="364">
                  <c:v>39597</c:v>
                </c:pt>
                <c:pt idx="365">
                  <c:v>39598</c:v>
                </c:pt>
                <c:pt idx="366">
                  <c:v>39601</c:v>
                </c:pt>
                <c:pt idx="367">
                  <c:v>39602</c:v>
                </c:pt>
                <c:pt idx="368">
                  <c:v>39603</c:v>
                </c:pt>
                <c:pt idx="369">
                  <c:v>39605</c:v>
                </c:pt>
                <c:pt idx="370">
                  <c:v>39609</c:v>
                </c:pt>
                <c:pt idx="371">
                  <c:v>39610</c:v>
                </c:pt>
                <c:pt idx="372">
                  <c:v>39611</c:v>
                </c:pt>
                <c:pt idx="373">
                  <c:v>39612</c:v>
                </c:pt>
                <c:pt idx="374">
                  <c:v>39615</c:v>
                </c:pt>
                <c:pt idx="375">
                  <c:v>39616</c:v>
                </c:pt>
                <c:pt idx="376">
                  <c:v>39617</c:v>
                </c:pt>
                <c:pt idx="377">
                  <c:v>39618</c:v>
                </c:pt>
                <c:pt idx="378">
                  <c:v>39619</c:v>
                </c:pt>
                <c:pt idx="379">
                  <c:v>39622</c:v>
                </c:pt>
                <c:pt idx="380">
                  <c:v>39623</c:v>
                </c:pt>
                <c:pt idx="381">
                  <c:v>39624</c:v>
                </c:pt>
                <c:pt idx="382">
                  <c:v>39625</c:v>
                </c:pt>
                <c:pt idx="383">
                  <c:v>39626</c:v>
                </c:pt>
                <c:pt idx="384">
                  <c:v>39629</c:v>
                </c:pt>
                <c:pt idx="385">
                  <c:v>39630</c:v>
                </c:pt>
                <c:pt idx="386">
                  <c:v>39631</c:v>
                </c:pt>
                <c:pt idx="387">
                  <c:v>39632</c:v>
                </c:pt>
                <c:pt idx="388">
                  <c:v>39633</c:v>
                </c:pt>
                <c:pt idx="389">
                  <c:v>39636</c:v>
                </c:pt>
                <c:pt idx="390">
                  <c:v>39637</c:v>
                </c:pt>
                <c:pt idx="391">
                  <c:v>39638</c:v>
                </c:pt>
                <c:pt idx="392">
                  <c:v>39639</c:v>
                </c:pt>
                <c:pt idx="393">
                  <c:v>39640</c:v>
                </c:pt>
                <c:pt idx="394">
                  <c:v>39643</c:v>
                </c:pt>
                <c:pt idx="395">
                  <c:v>39644</c:v>
                </c:pt>
                <c:pt idx="396">
                  <c:v>39645</c:v>
                </c:pt>
                <c:pt idx="397">
                  <c:v>39646</c:v>
                </c:pt>
                <c:pt idx="398">
                  <c:v>39647</c:v>
                </c:pt>
                <c:pt idx="399">
                  <c:v>39650</c:v>
                </c:pt>
                <c:pt idx="400">
                  <c:v>39651</c:v>
                </c:pt>
                <c:pt idx="401">
                  <c:v>39652</c:v>
                </c:pt>
                <c:pt idx="402">
                  <c:v>39653</c:v>
                </c:pt>
                <c:pt idx="403">
                  <c:v>39654</c:v>
                </c:pt>
                <c:pt idx="404">
                  <c:v>39657</c:v>
                </c:pt>
                <c:pt idx="405">
                  <c:v>39658</c:v>
                </c:pt>
                <c:pt idx="406">
                  <c:v>39659</c:v>
                </c:pt>
                <c:pt idx="407">
                  <c:v>39660</c:v>
                </c:pt>
                <c:pt idx="408">
                  <c:v>39661</c:v>
                </c:pt>
                <c:pt idx="409">
                  <c:v>39664</c:v>
                </c:pt>
                <c:pt idx="410">
                  <c:v>39665</c:v>
                </c:pt>
                <c:pt idx="411">
                  <c:v>39666</c:v>
                </c:pt>
                <c:pt idx="412">
                  <c:v>39667</c:v>
                </c:pt>
                <c:pt idx="413">
                  <c:v>39668</c:v>
                </c:pt>
                <c:pt idx="414">
                  <c:v>39671</c:v>
                </c:pt>
                <c:pt idx="415">
                  <c:v>39672</c:v>
                </c:pt>
                <c:pt idx="416">
                  <c:v>39673</c:v>
                </c:pt>
                <c:pt idx="417">
                  <c:v>39674</c:v>
                </c:pt>
                <c:pt idx="418">
                  <c:v>39675</c:v>
                </c:pt>
                <c:pt idx="419">
                  <c:v>39678</c:v>
                </c:pt>
                <c:pt idx="420">
                  <c:v>39679</c:v>
                </c:pt>
                <c:pt idx="421">
                  <c:v>39680</c:v>
                </c:pt>
                <c:pt idx="422">
                  <c:v>39681</c:v>
                </c:pt>
                <c:pt idx="423">
                  <c:v>39682</c:v>
                </c:pt>
                <c:pt idx="424">
                  <c:v>39685</c:v>
                </c:pt>
                <c:pt idx="425">
                  <c:v>39686</c:v>
                </c:pt>
                <c:pt idx="426">
                  <c:v>39687</c:v>
                </c:pt>
                <c:pt idx="427">
                  <c:v>39688</c:v>
                </c:pt>
                <c:pt idx="428">
                  <c:v>39689</c:v>
                </c:pt>
                <c:pt idx="429">
                  <c:v>39692</c:v>
                </c:pt>
                <c:pt idx="430">
                  <c:v>39693</c:v>
                </c:pt>
                <c:pt idx="431">
                  <c:v>39694</c:v>
                </c:pt>
                <c:pt idx="432">
                  <c:v>39695</c:v>
                </c:pt>
                <c:pt idx="433">
                  <c:v>39696</c:v>
                </c:pt>
                <c:pt idx="434">
                  <c:v>39699</c:v>
                </c:pt>
                <c:pt idx="435">
                  <c:v>39700</c:v>
                </c:pt>
                <c:pt idx="436">
                  <c:v>39701</c:v>
                </c:pt>
                <c:pt idx="437">
                  <c:v>39702</c:v>
                </c:pt>
                <c:pt idx="438">
                  <c:v>39703</c:v>
                </c:pt>
                <c:pt idx="439">
                  <c:v>39707</c:v>
                </c:pt>
                <c:pt idx="440">
                  <c:v>39708</c:v>
                </c:pt>
                <c:pt idx="441">
                  <c:v>39709</c:v>
                </c:pt>
                <c:pt idx="442">
                  <c:v>39710</c:v>
                </c:pt>
                <c:pt idx="443">
                  <c:v>39713</c:v>
                </c:pt>
                <c:pt idx="444">
                  <c:v>39714</c:v>
                </c:pt>
                <c:pt idx="445">
                  <c:v>39715</c:v>
                </c:pt>
                <c:pt idx="446">
                  <c:v>39716</c:v>
                </c:pt>
                <c:pt idx="447">
                  <c:v>39717</c:v>
                </c:pt>
                <c:pt idx="448">
                  <c:v>39727</c:v>
                </c:pt>
                <c:pt idx="449">
                  <c:v>39728</c:v>
                </c:pt>
                <c:pt idx="450">
                  <c:v>39729</c:v>
                </c:pt>
                <c:pt idx="451">
                  <c:v>39730</c:v>
                </c:pt>
                <c:pt idx="452">
                  <c:v>39731</c:v>
                </c:pt>
                <c:pt idx="453">
                  <c:v>39734</c:v>
                </c:pt>
                <c:pt idx="454">
                  <c:v>39735</c:v>
                </c:pt>
                <c:pt idx="455">
                  <c:v>39736</c:v>
                </c:pt>
                <c:pt idx="456">
                  <c:v>39737</c:v>
                </c:pt>
                <c:pt idx="457">
                  <c:v>39738</c:v>
                </c:pt>
                <c:pt idx="458">
                  <c:v>39741</c:v>
                </c:pt>
                <c:pt idx="459">
                  <c:v>39742</c:v>
                </c:pt>
                <c:pt idx="460">
                  <c:v>39743</c:v>
                </c:pt>
                <c:pt idx="461">
                  <c:v>39744</c:v>
                </c:pt>
                <c:pt idx="462">
                  <c:v>39745</c:v>
                </c:pt>
                <c:pt idx="463">
                  <c:v>39749</c:v>
                </c:pt>
                <c:pt idx="464">
                  <c:v>39750</c:v>
                </c:pt>
                <c:pt idx="465">
                  <c:v>39751</c:v>
                </c:pt>
                <c:pt idx="466">
                  <c:v>39752</c:v>
                </c:pt>
                <c:pt idx="467">
                  <c:v>39755</c:v>
                </c:pt>
                <c:pt idx="468">
                  <c:v>39756</c:v>
                </c:pt>
                <c:pt idx="469">
                  <c:v>39757</c:v>
                </c:pt>
                <c:pt idx="470">
                  <c:v>39758</c:v>
                </c:pt>
                <c:pt idx="471">
                  <c:v>39759</c:v>
                </c:pt>
                <c:pt idx="472">
                  <c:v>39762</c:v>
                </c:pt>
                <c:pt idx="473">
                  <c:v>39763</c:v>
                </c:pt>
                <c:pt idx="474">
                  <c:v>39764</c:v>
                </c:pt>
                <c:pt idx="475">
                  <c:v>39765</c:v>
                </c:pt>
                <c:pt idx="476">
                  <c:v>39766</c:v>
                </c:pt>
                <c:pt idx="477">
                  <c:v>39769</c:v>
                </c:pt>
                <c:pt idx="478">
                  <c:v>39770</c:v>
                </c:pt>
                <c:pt idx="479">
                  <c:v>39771</c:v>
                </c:pt>
                <c:pt idx="480">
                  <c:v>39772</c:v>
                </c:pt>
                <c:pt idx="481">
                  <c:v>39773</c:v>
                </c:pt>
                <c:pt idx="482">
                  <c:v>39776</c:v>
                </c:pt>
                <c:pt idx="483">
                  <c:v>39777</c:v>
                </c:pt>
                <c:pt idx="484">
                  <c:v>39778</c:v>
                </c:pt>
                <c:pt idx="485">
                  <c:v>39779</c:v>
                </c:pt>
                <c:pt idx="486">
                  <c:v>39780</c:v>
                </c:pt>
                <c:pt idx="487">
                  <c:v>39783</c:v>
                </c:pt>
                <c:pt idx="488">
                  <c:v>39784</c:v>
                </c:pt>
                <c:pt idx="489">
                  <c:v>39785</c:v>
                </c:pt>
                <c:pt idx="490">
                  <c:v>39786</c:v>
                </c:pt>
                <c:pt idx="491">
                  <c:v>39787</c:v>
                </c:pt>
                <c:pt idx="492">
                  <c:v>39790</c:v>
                </c:pt>
                <c:pt idx="493">
                  <c:v>39791</c:v>
                </c:pt>
                <c:pt idx="494">
                  <c:v>39792</c:v>
                </c:pt>
                <c:pt idx="495">
                  <c:v>39793</c:v>
                </c:pt>
                <c:pt idx="496">
                  <c:v>39794</c:v>
                </c:pt>
                <c:pt idx="497">
                  <c:v>39797</c:v>
                </c:pt>
                <c:pt idx="498">
                  <c:v>39798</c:v>
                </c:pt>
                <c:pt idx="499">
                  <c:v>39799</c:v>
                </c:pt>
                <c:pt idx="500">
                  <c:v>39800</c:v>
                </c:pt>
                <c:pt idx="501">
                  <c:v>39801</c:v>
                </c:pt>
                <c:pt idx="502">
                  <c:v>39804</c:v>
                </c:pt>
                <c:pt idx="503">
                  <c:v>39805</c:v>
                </c:pt>
                <c:pt idx="504">
                  <c:v>39806</c:v>
                </c:pt>
                <c:pt idx="505">
                  <c:v>39807</c:v>
                </c:pt>
                <c:pt idx="506">
                  <c:v>39808</c:v>
                </c:pt>
                <c:pt idx="507">
                  <c:v>39811</c:v>
                </c:pt>
                <c:pt idx="508">
                  <c:v>39812</c:v>
                </c:pt>
                <c:pt idx="509">
                  <c:v>39813</c:v>
                </c:pt>
                <c:pt idx="510">
                  <c:v>39818</c:v>
                </c:pt>
                <c:pt idx="511">
                  <c:v>39819</c:v>
                </c:pt>
                <c:pt idx="512">
                  <c:v>39820</c:v>
                </c:pt>
                <c:pt idx="513">
                  <c:v>39821</c:v>
                </c:pt>
                <c:pt idx="514">
                  <c:v>39822</c:v>
                </c:pt>
                <c:pt idx="515">
                  <c:v>39825</c:v>
                </c:pt>
                <c:pt idx="516">
                  <c:v>39826</c:v>
                </c:pt>
                <c:pt idx="517">
                  <c:v>39827</c:v>
                </c:pt>
                <c:pt idx="518">
                  <c:v>39828</c:v>
                </c:pt>
                <c:pt idx="519">
                  <c:v>39829</c:v>
                </c:pt>
                <c:pt idx="520">
                  <c:v>39832</c:v>
                </c:pt>
                <c:pt idx="521">
                  <c:v>39833</c:v>
                </c:pt>
                <c:pt idx="522">
                  <c:v>39834</c:v>
                </c:pt>
                <c:pt idx="523">
                  <c:v>39835</c:v>
                </c:pt>
                <c:pt idx="524">
                  <c:v>39836</c:v>
                </c:pt>
                <c:pt idx="525">
                  <c:v>39846</c:v>
                </c:pt>
                <c:pt idx="526">
                  <c:v>39847</c:v>
                </c:pt>
                <c:pt idx="527">
                  <c:v>39848</c:v>
                </c:pt>
                <c:pt idx="528">
                  <c:v>39849</c:v>
                </c:pt>
                <c:pt idx="529">
                  <c:v>39850</c:v>
                </c:pt>
                <c:pt idx="530">
                  <c:v>39853</c:v>
                </c:pt>
                <c:pt idx="531">
                  <c:v>39854</c:v>
                </c:pt>
                <c:pt idx="532">
                  <c:v>39855</c:v>
                </c:pt>
                <c:pt idx="533">
                  <c:v>39856</c:v>
                </c:pt>
                <c:pt idx="534">
                  <c:v>39857</c:v>
                </c:pt>
                <c:pt idx="535">
                  <c:v>39860</c:v>
                </c:pt>
                <c:pt idx="536">
                  <c:v>39861</c:v>
                </c:pt>
                <c:pt idx="537">
                  <c:v>39862</c:v>
                </c:pt>
                <c:pt idx="538">
                  <c:v>39863</c:v>
                </c:pt>
                <c:pt idx="539">
                  <c:v>39864</c:v>
                </c:pt>
                <c:pt idx="540">
                  <c:v>39867</c:v>
                </c:pt>
                <c:pt idx="541">
                  <c:v>39868</c:v>
                </c:pt>
                <c:pt idx="542">
                  <c:v>39869</c:v>
                </c:pt>
                <c:pt idx="543">
                  <c:v>39870</c:v>
                </c:pt>
                <c:pt idx="544">
                  <c:v>39871</c:v>
                </c:pt>
                <c:pt idx="545">
                  <c:v>39874</c:v>
                </c:pt>
                <c:pt idx="546">
                  <c:v>39875</c:v>
                </c:pt>
                <c:pt idx="547">
                  <c:v>39876</c:v>
                </c:pt>
                <c:pt idx="548">
                  <c:v>39877</c:v>
                </c:pt>
                <c:pt idx="549">
                  <c:v>39878</c:v>
                </c:pt>
                <c:pt idx="550">
                  <c:v>39881</c:v>
                </c:pt>
                <c:pt idx="551">
                  <c:v>39882</c:v>
                </c:pt>
                <c:pt idx="552">
                  <c:v>39883</c:v>
                </c:pt>
                <c:pt idx="553">
                  <c:v>39884</c:v>
                </c:pt>
                <c:pt idx="554">
                  <c:v>39885</c:v>
                </c:pt>
                <c:pt idx="555">
                  <c:v>39888</c:v>
                </c:pt>
                <c:pt idx="556">
                  <c:v>39889</c:v>
                </c:pt>
                <c:pt idx="557">
                  <c:v>39890</c:v>
                </c:pt>
                <c:pt idx="558">
                  <c:v>39891</c:v>
                </c:pt>
                <c:pt idx="559">
                  <c:v>39892</c:v>
                </c:pt>
                <c:pt idx="560">
                  <c:v>39895</c:v>
                </c:pt>
                <c:pt idx="561">
                  <c:v>39896</c:v>
                </c:pt>
                <c:pt idx="562">
                  <c:v>39897</c:v>
                </c:pt>
                <c:pt idx="563">
                  <c:v>39898</c:v>
                </c:pt>
                <c:pt idx="564">
                  <c:v>39899</c:v>
                </c:pt>
                <c:pt idx="565">
                  <c:v>39902</c:v>
                </c:pt>
                <c:pt idx="566">
                  <c:v>39903</c:v>
                </c:pt>
                <c:pt idx="567">
                  <c:v>39904</c:v>
                </c:pt>
                <c:pt idx="568">
                  <c:v>39905</c:v>
                </c:pt>
                <c:pt idx="569">
                  <c:v>39906</c:v>
                </c:pt>
                <c:pt idx="570">
                  <c:v>39910</c:v>
                </c:pt>
                <c:pt idx="571">
                  <c:v>39911</c:v>
                </c:pt>
                <c:pt idx="572">
                  <c:v>39912</c:v>
                </c:pt>
                <c:pt idx="573">
                  <c:v>39913</c:v>
                </c:pt>
                <c:pt idx="574">
                  <c:v>39916</c:v>
                </c:pt>
                <c:pt idx="575">
                  <c:v>39917</c:v>
                </c:pt>
                <c:pt idx="576">
                  <c:v>39918</c:v>
                </c:pt>
                <c:pt idx="577">
                  <c:v>39919</c:v>
                </c:pt>
                <c:pt idx="578">
                  <c:v>39920</c:v>
                </c:pt>
                <c:pt idx="579">
                  <c:v>39923</c:v>
                </c:pt>
                <c:pt idx="580">
                  <c:v>39924</c:v>
                </c:pt>
                <c:pt idx="581">
                  <c:v>39925</c:v>
                </c:pt>
                <c:pt idx="582">
                  <c:v>39926</c:v>
                </c:pt>
                <c:pt idx="583">
                  <c:v>39927</c:v>
                </c:pt>
                <c:pt idx="584">
                  <c:v>39930</c:v>
                </c:pt>
                <c:pt idx="585">
                  <c:v>39931</c:v>
                </c:pt>
                <c:pt idx="586">
                  <c:v>39932</c:v>
                </c:pt>
                <c:pt idx="587">
                  <c:v>39933</c:v>
                </c:pt>
                <c:pt idx="588">
                  <c:v>39937</c:v>
                </c:pt>
                <c:pt idx="589">
                  <c:v>39938</c:v>
                </c:pt>
                <c:pt idx="590">
                  <c:v>39939</c:v>
                </c:pt>
                <c:pt idx="591">
                  <c:v>39940</c:v>
                </c:pt>
                <c:pt idx="592">
                  <c:v>39941</c:v>
                </c:pt>
                <c:pt idx="593">
                  <c:v>39944</c:v>
                </c:pt>
                <c:pt idx="594">
                  <c:v>39945</c:v>
                </c:pt>
                <c:pt idx="595">
                  <c:v>39946</c:v>
                </c:pt>
                <c:pt idx="596">
                  <c:v>39947</c:v>
                </c:pt>
                <c:pt idx="597">
                  <c:v>39948</c:v>
                </c:pt>
                <c:pt idx="598">
                  <c:v>39951</c:v>
                </c:pt>
                <c:pt idx="599">
                  <c:v>39952</c:v>
                </c:pt>
                <c:pt idx="600">
                  <c:v>39953</c:v>
                </c:pt>
                <c:pt idx="601">
                  <c:v>39954</c:v>
                </c:pt>
                <c:pt idx="602">
                  <c:v>39955</c:v>
                </c:pt>
                <c:pt idx="603">
                  <c:v>39959</c:v>
                </c:pt>
                <c:pt idx="604">
                  <c:v>39960</c:v>
                </c:pt>
                <c:pt idx="605">
                  <c:v>39965</c:v>
                </c:pt>
                <c:pt idx="606">
                  <c:v>39966</c:v>
                </c:pt>
                <c:pt idx="607">
                  <c:v>39967</c:v>
                </c:pt>
                <c:pt idx="608">
                  <c:v>39968</c:v>
                </c:pt>
                <c:pt idx="609">
                  <c:v>39969</c:v>
                </c:pt>
                <c:pt idx="610">
                  <c:v>39972</c:v>
                </c:pt>
                <c:pt idx="611">
                  <c:v>39973</c:v>
                </c:pt>
                <c:pt idx="612">
                  <c:v>39974</c:v>
                </c:pt>
                <c:pt idx="613">
                  <c:v>39975</c:v>
                </c:pt>
                <c:pt idx="614">
                  <c:v>39976</c:v>
                </c:pt>
                <c:pt idx="615">
                  <c:v>39979</c:v>
                </c:pt>
                <c:pt idx="616">
                  <c:v>39980</c:v>
                </c:pt>
                <c:pt idx="617">
                  <c:v>39981</c:v>
                </c:pt>
                <c:pt idx="618">
                  <c:v>39982</c:v>
                </c:pt>
                <c:pt idx="619">
                  <c:v>39983</c:v>
                </c:pt>
                <c:pt idx="620">
                  <c:v>39986</c:v>
                </c:pt>
                <c:pt idx="621">
                  <c:v>39987</c:v>
                </c:pt>
                <c:pt idx="622">
                  <c:v>39988</c:v>
                </c:pt>
                <c:pt idx="623">
                  <c:v>39989</c:v>
                </c:pt>
                <c:pt idx="624">
                  <c:v>39990</c:v>
                </c:pt>
                <c:pt idx="625">
                  <c:v>39993</c:v>
                </c:pt>
                <c:pt idx="626">
                  <c:v>39994</c:v>
                </c:pt>
                <c:pt idx="627">
                  <c:v>39995</c:v>
                </c:pt>
                <c:pt idx="628">
                  <c:v>39996</c:v>
                </c:pt>
                <c:pt idx="629">
                  <c:v>39997</c:v>
                </c:pt>
                <c:pt idx="630">
                  <c:v>40000</c:v>
                </c:pt>
                <c:pt idx="631">
                  <c:v>40001</c:v>
                </c:pt>
                <c:pt idx="632">
                  <c:v>40002</c:v>
                </c:pt>
                <c:pt idx="633">
                  <c:v>40003</c:v>
                </c:pt>
                <c:pt idx="634">
                  <c:v>40004</c:v>
                </c:pt>
                <c:pt idx="635">
                  <c:v>40007</c:v>
                </c:pt>
                <c:pt idx="636">
                  <c:v>40008</c:v>
                </c:pt>
                <c:pt idx="637">
                  <c:v>40009</c:v>
                </c:pt>
                <c:pt idx="638">
                  <c:v>40010</c:v>
                </c:pt>
                <c:pt idx="639">
                  <c:v>40011</c:v>
                </c:pt>
                <c:pt idx="640">
                  <c:v>40014</c:v>
                </c:pt>
                <c:pt idx="641">
                  <c:v>40015</c:v>
                </c:pt>
                <c:pt idx="642">
                  <c:v>40016</c:v>
                </c:pt>
                <c:pt idx="643">
                  <c:v>40017</c:v>
                </c:pt>
                <c:pt idx="644">
                  <c:v>40018</c:v>
                </c:pt>
                <c:pt idx="645">
                  <c:v>40021</c:v>
                </c:pt>
                <c:pt idx="646">
                  <c:v>40022</c:v>
                </c:pt>
                <c:pt idx="647">
                  <c:v>40023</c:v>
                </c:pt>
                <c:pt idx="648">
                  <c:v>40024</c:v>
                </c:pt>
                <c:pt idx="649">
                  <c:v>40025</c:v>
                </c:pt>
                <c:pt idx="650">
                  <c:v>40028</c:v>
                </c:pt>
                <c:pt idx="651">
                  <c:v>40029</c:v>
                </c:pt>
                <c:pt idx="652">
                  <c:v>40030</c:v>
                </c:pt>
                <c:pt idx="653">
                  <c:v>40031</c:v>
                </c:pt>
                <c:pt idx="654">
                  <c:v>40032</c:v>
                </c:pt>
                <c:pt idx="655">
                  <c:v>40035</c:v>
                </c:pt>
                <c:pt idx="656">
                  <c:v>40036</c:v>
                </c:pt>
                <c:pt idx="657">
                  <c:v>40037</c:v>
                </c:pt>
                <c:pt idx="658">
                  <c:v>40038</c:v>
                </c:pt>
                <c:pt idx="659">
                  <c:v>40039</c:v>
                </c:pt>
                <c:pt idx="660">
                  <c:v>40042</c:v>
                </c:pt>
                <c:pt idx="661">
                  <c:v>40043</c:v>
                </c:pt>
                <c:pt idx="662">
                  <c:v>40044</c:v>
                </c:pt>
                <c:pt idx="663">
                  <c:v>40045</c:v>
                </c:pt>
                <c:pt idx="664">
                  <c:v>40046</c:v>
                </c:pt>
                <c:pt idx="665">
                  <c:v>40049</c:v>
                </c:pt>
                <c:pt idx="666">
                  <c:v>40050</c:v>
                </c:pt>
                <c:pt idx="667">
                  <c:v>40051</c:v>
                </c:pt>
                <c:pt idx="668">
                  <c:v>40052</c:v>
                </c:pt>
                <c:pt idx="669">
                  <c:v>40053</c:v>
                </c:pt>
                <c:pt idx="670">
                  <c:v>40056</c:v>
                </c:pt>
                <c:pt idx="671">
                  <c:v>40057</c:v>
                </c:pt>
                <c:pt idx="672">
                  <c:v>40059</c:v>
                </c:pt>
                <c:pt idx="673">
                  <c:v>40060</c:v>
                </c:pt>
                <c:pt idx="674">
                  <c:v>40063</c:v>
                </c:pt>
                <c:pt idx="675">
                  <c:v>40064</c:v>
                </c:pt>
                <c:pt idx="676">
                  <c:v>40065</c:v>
                </c:pt>
                <c:pt idx="677">
                  <c:v>40066</c:v>
                </c:pt>
                <c:pt idx="678">
                  <c:v>40067</c:v>
                </c:pt>
                <c:pt idx="679">
                  <c:v>40070</c:v>
                </c:pt>
                <c:pt idx="680">
                  <c:v>40071</c:v>
                </c:pt>
                <c:pt idx="681">
                  <c:v>40072</c:v>
                </c:pt>
                <c:pt idx="682">
                  <c:v>40073</c:v>
                </c:pt>
                <c:pt idx="683">
                  <c:v>40074</c:v>
                </c:pt>
                <c:pt idx="684">
                  <c:v>40077</c:v>
                </c:pt>
                <c:pt idx="685">
                  <c:v>40078</c:v>
                </c:pt>
                <c:pt idx="686">
                  <c:v>40079</c:v>
                </c:pt>
                <c:pt idx="687">
                  <c:v>40080</c:v>
                </c:pt>
                <c:pt idx="688">
                  <c:v>40081</c:v>
                </c:pt>
                <c:pt idx="689">
                  <c:v>40084</c:v>
                </c:pt>
                <c:pt idx="690">
                  <c:v>40085</c:v>
                </c:pt>
                <c:pt idx="691">
                  <c:v>40086</c:v>
                </c:pt>
                <c:pt idx="692">
                  <c:v>40095</c:v>
                </c:pt>
                <c:pt idx="693">
                  <c:v>40098</c:v>
                </c:pt>
                <c:pt idx="694">
                  <c:v>40099</c:v>
                </c:pt>
                <c:pt idx="695">
                  <c:v>40100</c:v>
                </c:pt>
                <c:pt idx="696">
                  <c:v>40101</c:v>
                </c:pt>
                <c:pt idx="697">
                  <c:v>40102</c:v>
                </c:pt>
                <c:pt idx="698">
                  <c:v>40105</c:v>
                </c:pt>
                <c:pt idx="699">
                  <c:v>40106</c:v>
                </c:pt>
                <c:pt idx="700">
                  <c:v>40107</c:v>
                </c:pt>
                <c:pt idx="701">
                  <c:v>40108</c:v>
                </c:pt>
                <c:pt idx="702">
                  <c:v>40109</c:v>
                </c:pt>
                <c:pt idx="703">
                  <c:v>40112</c:v>
                </c:pt>
                <c:pt idx="704">
                  <c:v>40113</c:v>
                </c:pt>
                <c:pt idx="705">
                  <c:v>40114</c:v>
                </c:pt>
                <c:pt idx="706">
                  <c:v>40115</c:v>
                </c:pt>
                <c:pt idx="707">
                  <c:v>40116</c:v>
                </c:pt>
                <c:pt idx="708">
                  <c:v>40119</c:v>
                </c:pt>
                <c:pt idx="709">
                  <c:v>40120</c:v>
                </c:pt>
                <c:pt idx="710">
                  <c:v>40121</c:v>
                </c:pt>
                <c:pt idx="711">
                  <c:v>40122</c:v>
                </c:pt>
                <c:pt idx="712">
                  <c:v>40123</c:v>
                </c:pt>
                <c:pt idx="713">
                  <c:v>40126</c:v>
                </c:pt>
                <c:pt idx="714">
                  <c:v>40127</c:v>
                </c:pt>
                <c:pt idx="715">
                  <c:v>40128</c:v>
                </c:pt>
                <c:pt idx="716">
                  <c:v>40129</c:v>
                </c:pt>
                <c:pt idx="717">
                  <c:v>40130</c:v>
                </c:pt>
                <c:pt idx="718">
                  <c:v>40133</c:v>
                </c:pt>
                <c:pt idx="719">
                  <c:v>40134</c:v>
                </c:pt>
                <c:pt idx="720">
                  <c:v>40135</c:v>
                </c:pt>
                <c:pt idx="721">
                  <c:v>40136</c:v>
                </c:pt>
                <c:pt idx="722">
                  <c:v>40137</c:v>
                </c:pt>
                <c:pt idx="723">
                  <c:v>40140</c:v>
                </c:pt>
                <c:pt idx="724">
                  <c:v>40141</c:v>
                </c:pt>
                <c:pt idx="725">
                  <c:v>40142</c:v>
                </c:pt>
                <c:pt idx="726">
                  <c:v>40143</c:v>
                </c:pt>
                <c:pt idx="727">
                  <c:v>40147</c:v>
                </c:pt>
                <c:pt idx="728">
                  <c:v>40148</c:v>
                </c:pt>
                <c:pt idx="729">
                  <c:v>40149</c:v>
                </c:pt>
                <c:pt idx="730">
                  <c:v>40150</c:v>
                </c:pt>
                <c:pt idx="731">
                  <c:v>40151</c:v>
                </c:pt>
                <c:pt idx="732">
                  <c:v>40154</c:v>
                </c:pt>
                <c:pt idx="733">
                  <c:v>40155</c:v>
                </c:pt>
                <c:pt idx="734">
                  <c:v>40156</c:v>
                </c:pt>
                <c:pt idx="735">
                  <c:v>40157</c:v>
                </c:pt>
                <c:pt idx="736">
                  <c:v>40158</c:v>
                </c:pt>
                <c:pt idx="737">
                  <c:v>40161</c:v>
                </c:pt>
                <c:pt idx="738">
                  <c:v>40162</c:v>
                </c:pt>
                <c:pt idx="739">
                  <c:v>40163</c:v>
                </c:pt>
                <c:pt idx="740">
                  <c:v>40164</c:v>
                </c:pt>
                <c:pt idx="741">
                  <c:v>40165</c:v>
                </c:pt>
                <c:pt idx="742">
                  <c:v>40168</c:v>
                </c:pt>
                <c:pt idx="743">
                  <c:v>40169</c:v>
                </c:pt>
                <c:pt idx="744">
                  <c:v>40170</c:v>
                </c:pt>
                <c:pt idx="745">
                  <c:v>40171</c:v>
                </c:pt>
                <c:pt idx="746">
                  <c:v>40172</c:v>
                </c:pt>
                <c:pt idx="747">
                  <c:v>40175</c:v>
                </c:pt>
                <c:pt idx="748">
                  <c:v>40176</c:v>
                </c:pt>
                <c:pt idx="749">
                  <c:v>40177</c:v>
                </c:pt>
                <c:pt idx="750">
                  <c:v>40178</c:v>
                </c:pt>
                <c:pt idx="751">
                  <c:v>40182</c:v>
                </c:pt>
                <c:pt idx="752">
                  <c:v>40183</c:v>
                </c:pt>
                <c:pt idx="753">
                  <c:v>40184</c:v>
                </c:pt>
                <c:pt idx="754">
                  <c:v>40185</c:v>
                </c:pt>
                <c:pt idx="755">
                  <c:v>40186</c:v>
                </c:pt>
                <c:pt idx="756">
                  <c:v>40189</c:v>
                </c:pt>
                <c:pt idx="757">
                  <c:v>40190</c:v>
                </c:pt>
                <c:pt idx="758">
                  <c:v>40191</c:v>
                </c:pt>
                <c:pt idx="759">
                  <c:v>40192</c:v>
                </c:pt>
                <c:pt idx="760">
                  <c:v>40193</c:v>
                </c:pt>
                <c:pt idx="761">
                  <c:v>40196</c:v>
                </c:pt>
                <c:pt idx="762">
                  <c:v>40197</c:v>
                </c:pt>
                <c:pt idx="763">
                  <c:v>40198</c:v>
                </c:pt>
                <c:pt idx="764">
                  <c:v>40199</c:v>
                </c:pt>
                <c:pt idx="765">
                  <c:v>40200</c:v>
                </c:pt>
                <c:pt idx="766">
                  <c:v>40203</c:v>
                </c:pt>
                <c:pt idx="767">
                  <c:v>40204</c:v>
                </c:pt>
                <c:pt idx="768">
                  <c:v>40205</c:v>
                </c:pt>
                <c:pt idx="769">
                  <c:v>40206</c:v>
                </c:pt>
                <c:pt idx="770">
                  <c:v>40207</c:v>
                </c:pt>
                <c:pt idx="771">
                  <c:v>40210</c:v>
                </c:pt>
                <c:pt idx="772">
                  <c:v>40211</c:v>
                </c:pt>
                <c:pt idx="773">
                  <c:v>40212</c:v>
                </c:pt>
                <c:pt idx="774">
                  <c:v>40213</c:v>
                </c:pt>
                <c:pt idx="775">
                  <c:v>40214</c:v>
                </c:pt>
                <c:pt idx="776">
                  <c:v>40217</c:v>
                </c:pt>
                <c:pt idx="777">
                  <c:v>40218</c:v>
                </c:pt>
                <c:pt idx="778">
                  <c:v>40219</c:v>
                </c:pt>
                <c:pt idx="779">
                  <c:v>40220</c:v>
                </c:pt>
                <c:pt idx="780">
                  <c:v>40221</c:v>
                </c:pt>
                <c:pt idx="781">
                  <c:v>40224</c:v>
                </c:pt>
                <c:pt idx="782">
                  <c:v>40225</c:v>
                </c:pt>
                <c:pt idx="783">
                  <c:v>40226</c:v>
                </c:pt>
                <c:pt idx="784">
                  <c:v>40227</c:v>
                </c:pt>
                <c:pt idx="785">
                  <c:v>40231</c:v>
                </c:pt>
                <c:pt idx="786">
                  <c:v>40232</c:v>
                </c:pt>
                <c:pt idx="787">
                  <c:v>40233</c:v>
                </c:pt>
                <c:pt idx="788">
                  <c:v>40234</c:v>
                </c:pt>
                <c:pt idx="789">
                  <c:v>40235</c:v>
                </c:pt>
                <c:pt idx="790">
                  <c:v>40238</c:v>
                </c:pt>
                <c:pt idx="791">
                  <c:v>40239</c:v>
                </c:pt>
                <c:pt idx="792">
                  <c:v>40240</c:v>
                </c:pt>
                <c:pt idx="793">
                  <c:v>40241</c:v>
                </c:pt>
                <c:pt idx="794">
                  <c:v>40242</c:v>
                </c:pt>
                <c:pt idx="795">
                  <c:v>40245</c:v>
                </c:pt>
                <c:pt idx="796">
                  <c:v>40246</c:v>
                </c:pt>
                <c:pt idx="797">
                  <c:v>40247</c:v>
                </c:pt>
                <c:pt idx="798">
                  <c:v>40248</c:v>
                </c:pt>
                <c:pt idx="799">
                  <c:v>40249</c:v>
                </c:pt>
                <c:pt idx="800">
                  <c:v>40252</c:v>
                </c:pt>
                <c:pt idx="801">
                  <c:v>40253</c:v>
                </c:pt>
                <c:pt idx="802">
                  <c:v>40254</c:v>
                </c:pt>
                <c:pt idx="803">
                  <c:v>40255</c:v>
                </c:pt>
                <c:pt idx="804">
                  <c:v>40256</c:v>
                </c:pt>
                <c:pt idx="805">
                  <c:v>40259</c:v>
                </c:pt>
                <c:pt idx="806">
                  <c:v>40260</c:v>
                </c:pt>
                <c:pt idx="807">
                  <c:v>40261</c:v>
                </c:pt>
                <c:pt idx="808">
                  <c:v>40262</c:v>
                </c:pt>
                <c:pt idx="809">
                  <c:v>40263</c:v>
                </c:pt>
                <c:pt idx="810">
                  <c:v>40266</c:v>
                </c:pt>
                <c:pt idx="811">
                  <c:v>40267</c:v>
                </c:pt>
                <c:pt idx="812">
                  <c:v>40268</c:v>
                </c:pt>
                <c:pt idx="813">
                  <c:v>40269</c:v>
                </c:pt>
                <c:pt idx="814">
                  <c:v>40270</c:v>
                </c:pt>
                <c:pt idx="815">
                  <c:v>40274</c:v>
                </c:pt>
                <c:pt idx="816">
                  <c:v>40275</c:v>
                </c:pt>
                <c:pt idx="817">
                  <c:v>40277</c:v>
                </c:pt>
                <c:pt idx="818">
                  <c:v>40280</c:v>
                </c:pt>
                <c:pt idx="819">
                  <c:v>40281</c:v>
                </c:pt>
                <c:pt idx="820">
                  <c:v>40282</c:v>
                </c:pt>
                <c:pt idx="821">
                  <c:v>40283</c:v>
                </c:pt>
                <c:pt idx="822">
                  <c:v>40284</c:v>
                </c:pt>
                <c:pt idx="823">
                  <c:v>40287</c:v>
                </c:pt>
                <c:pt idx="824">
                  <c:v>40288</c:v>
                </c:pt>
                <c:pt idx="825">
                  <c:v>40289</c:v>
                </c:pt>
                <c:pt idx="826">
                  <c:v>40290</c:v>
                </c:pt>
                <c:pt idx="827">
                  <c:v>40291</c:v>
                </c:pt>
                <c:pt idx="828">
                  <c:v>40294</c:v>
                </c:pt>
                <c:pt idx="829">
                  <c:v>40295</c:v>
                </c:pt>
                <c:pt idx="830">
                  <c:v>40296</c:v>
                </c:pt>
                <c:pt idx="831">
                  <c:v>40297</c:v>
                </c:pt>
                <c:pt idx="832">
                  <c:v>40298</c:v>
                </c:pt>
                <c:pt idx="833">
                  <c:v>40302</c:v>
                </c:pt>
                <c:pt idx="834">
                  <c:v>40303</c:v>
                </c:pt>
                <c:pt idx="835">
                  <c:v>40304</c:v>
                </c:pt>
                <c:pt idx="836">
                  <c:v>40305</c:v>
                </c:pt>
                <c:pt idx="837">
                  <c:v>40308</c:v>
                </c:pt>
                <c:pt idx="838">
                  <c:v>40309</c:v>
                </c:pt>
                <c:pt idx="839">
                  <c:v>40310</c:v>
                </c:pt>
                <c:pt idx="840">
                  <c:v>40311</c:v>
                </c:pt>
                <c:pt idx="841">
                  <c:v>40312</c:v>
                </c:pt>
                <c:pt idx="842">
                  <c:v>40315</c:v>
                </c:pt>
                <c:pt idx="843">
                  <c:v>40317</c:v>
                </c:pt>
                <c:pt idx="844">
                  <c:v>40318</c:v>
                </c:pt>
                <c:pt idx="845">
                  <c:v>40319</c:v>
                </c:pt>
                <c:pt idx="846">
                  <c:v>40322</c:v>
                </c:pt>
                <c:pt idx="847">
                  <c:v>40323</c:v>
                </c:pt>
                <c:pt idx="848">
                  <c:v>40324</c:v>
                </c:pt>
                <c:pt idx="849">
                  <c:v>40325</c:v>
                </c:pt>
                <c:pt idx="850">
                  <c:v>40326</c:v>
                </c:pt>
                <c:pt idx="851">
                  <c:v>40329</c:v>
                </c:pt>
                <c:pt idx="852">
                  <c:v>40330</c:v>
                </c:pt>
                <c:pt idx="853">
                  <c:v>40331</c:v>
                </c:pt>
                <c:pt idx="854">
                  <c:v>40332</c:v>
                </c:pt>
                <c:pt idx="855">
                  <c:v>40333</c:v>
                </c:pt>
                <c:pt idx="856">
                  <c:v>40336</c:v>
                </c:pt>
                <c:pt idx="857">
                  <c:v>40337</c:v>
                </c:pt>
                <c:pt idx="858">
                  <c:v>40338</c:v>
                </c:pt>
                <c:pt idx="859">
                  <c:v>40339</c:v>
                </c:pt>
                <c:pt idx="860">
                  <c:v>40340</c:v>
                </c:pt>
                <c:pt idx="861">
                  <c:v>40346</c:v>
                </c:pt>
                <c:pt idx="862">
                  <c:v>40347</c:v>
                </c:pt>
                <c:pt idx="863">
                  <c:v>40350</c:v>
                </c:pt>
                <c:pt idx="864">
                  <c:v>40351</c:v>
                </c:pt>
                <c:pt idx="865">
                  <c:v>40352</c:v>
                </c:pt>
                <c:pt idx="866">
                  <c:v>40353</c:v>
                </c:pt>
                <c:pt idx="867">
                  <c:v>40354</c:v>
                </c:pt>
                <c:pt idx="868">
                  <c:v>40357</c:v>
                </c:pt>
                <c:pt idx="869">
                  <c:v>40358</c:v>
                </c:pt>
                <c:pt idx="870">
                  <c:v>40359</c:v>
                </c:pt>
                <c:pt idx="871">
                  <c:v>40360</c:v>
                </c:pt>
                <c:pt idx="872">
                  <c:v>40361</c:v>
                </c:pt>
                <c:pt idx="873">
                  <c:v>40364</c:v>
                </c:pt>
                <c:pt idx="874">
                  <c:v>40365</c:v>
                </c:pt>
                <c:pt idx="875">
                  <c:v>40366</c:v>
                </c:pt>
                <c:pt idx="876">
                  <c:v>40367</c:v>
                </c:pt>
                <c:pt idx="877">
                  <c:v>40368</c:v>
                </c:pt>
                <c:pt idx="878">
                  <c:v>40371</c:v>
                </c:pt>
                <c:pt idx="879">
                  <c:v>40372</c:v>
                </c:pt>
                <c:pt idx="880">
                  <c:v>40373</c:v>
                </c:pt>
                <c:pt idx="881">
                  <c:v>40374</c:v>
                </c:pt>
                <c:pt idx="882">
                  <c:v>40375</c:v>
                </c:pt>
                <c:pt idx="883">
                  <c:v>40378</c:v>
                </c:pt>
                <c:pt idx="884">
                  <c:v>40379</c:v>
                </c:pt>
                <c:pt idx="885">
                  <c:v>40380</c:v>
                </c:pt>
                <c:pt idx="886">
                  <c:v>40381</c:v>
                </c:pt>
                <c:pt idx="887">
                  <c:v>40382</c:v>
                </c:pt>
                <c:pt idx="888">
                  <c:v>40385</c:v>
                </c:pt>
                <c:pt idx="889">
                  <c:v>40386</c:v>
                </c:pt>
                <c:pt idx="890">
                  <c:v>40387</c:v>
                </c:pt>
                <c:pt idx="891">
                  <c:v>40388</c:v>
                </c:pt>
                <c:pt idx="892">
                  <c:v>40389</c:v>
                </c:pt>
                <c:pt idx="893">
                  <c:v>40392</c:v>
                </c:pt>
                <c:pt idx="894">
                  <c:v>40393</c:v>
                </c:pt>
                <c:pt idx="895">
                  <c:v>40394</c:v>
                </c:pt>
                <c:pt idx="896">
                  <c:v>40395</c:v>
                </c:pt>
                <c:pt idx="897">
                  <c:v>40396</c:v>
                </c:pt>
                <c:pt idx="898">
                  <c:v>40399</c:v>
                </c:pt>
                <c:pt idx="899">
                  <c:v>40400</c:v>
                </c:pt>
                <c:pt idx="900">
                  <c:v>40401</c:v>
                </c:pt>
                <c:pt idx="901">
                  <c:v>40402</c:v>
                </c:pt>
                <c:pt idx="902">
                  <c:v>40403</c:v>
                </c:pt>
                <c:pt idx="903">
                  <c:v>40406</c:v>
                </c:pt>
                <c:pt idx="904">
                  <c:v>40407</c:v>
                </c:pt>
                <c:pt idx="905">
                  <c:v>40408</c:v>
                </c:pt>
                <c:pt idx="906">
                  <c:v>40409</c:v>
                </c:pt>
                <c:pt idx="907">
                  <c:v>40410</c:v>
                </c:pt>
                <c:pt idx="908">
                  <c:v>40413</c:v>
                </c:pt>
                <c:pt idx="909">
                  <c:v>40414</c:v>
                </c:pt>
                <c:pt idx="910">
                  <c:v>40415</c:v>
                </c:pt>
                <c:pt idx="911">
                  <c:v>40416</c:v>
                </c:pt>
                <c:pt idx="912">
                  <c:v>40417</c:v>
                </c:pt>
                <c:pt idx="913">
                  <c:v>40420</c:v>
                </c:pt>
                <c:pt idx="914">
                  <c:v>40421</c:v>
                </c:pt>
                <c:pt idx="915">
                  <c:v>40422</c:v>
                </c:pt>
                <c:pt idx="916">
                  <c:v>40423</c:v>
                </c:pt>
                <c:pt idx="917">
                  <c:v>40424</c:v>
                </c:pt>
                <c:pt idx="918">
                  <c:v>40427</c:v>
                </c:pt>
                <c:pt idx="919">
                  <c:v>40428</c:v>
                </c:pt>
                <c:pt idx="920">
                  <c:v>40429</c:v>
                </c:pt>
                <c:pt idx="921">
                  <c:v>40430</c:v>
                </c:pt>
                <c:pt idx="922">
                  <c:v>40431</c:v>
                </c:pt>
                <c:pt idx="923">
                  <c:v>40434</c:v>
                </c:pt>
                <c:pt idx="924">
                  <c:v>40435</c:v>
                </c:pt>
                <c:pt idx="925">
                  <c:v>40436</c:v>
                </c:pt>
                <c:pt idx="926">
                  <c:v>40437</c:v>
                </c:pt>
                <c:pt idx="927">
                  <c:v>40438</c:v>
                </c:pt>
                <c:pt idx="928">
                  <c:v>40441</c:v>
                </c:pt>
                <c:pt idx="929">
                  <c:v>40448</c:v>
                </c:pt>
                <c:pt idx="930">
                  <c:v>40449</c:v>
                </c:pt>
                <c:pt idx="931">
                  <c:v>40450</c:v>
                </c:pt>
                <c:pt idx="932">
                  <c:v>40451</c:v>
                </c:pt>
                <c:pt idx="933">
                  <c:v>40459</c:v>
                </c:pt>
                <c:pt idx="934">
                  <c:v>40462</c:v>
                </c:pt>
                <c:pt idx="935">
                  <c:v>40463</c:v>
                </c:pt>
                <c:pt idx="936">
                  <c:v>40464</c:v>
                </c:pt>
                <c:pt idx="937">
                  <c:v>40465</c:v>
                </c:pt>
                <c:pt idx="938">
                  <c:v>40466</c:v>
                </c:pt>
                <c:pt idx="939">
                  <c:v>40469</c:v>
                </c:pt>
                <c:pt idx="940">
                  <c:v>40470</c:v>
                </c:pt>
                <c:pt idx="941">
                  <c:v>40471</c:v>
                </c:pt>
                <c:pt idx="942">
                  <c:v>40472</c:v>
                </c:pt>
                <c:pt idx="943">
                  <c:v>40473</c:v>
                </c:pt>
                <c:pt idx="944">
                  <c:v>40476</c:v>
                </c:pt>
                <c:pt idx="945">
                  <c:v>40477</c:v>
                </c:pt>
                <c:pt idx="946">
                  <c:v>40478</c:v>
                </c:pt>
                <c:pt idx="947">
                  <c:v>40479</c:v>
                </c:pt>
                <c:pt idx="948">
                  <c:v>40480</c:v>
                </c:pt>
                <c:pt idx="949">
                  <c:v>40483</c:v>
                </c:pt>
                <c:pt idx="950">
                  <c:v>40484</c:v>
                </c:pt>
                <c:pt idx="951">
                  <c:v>40485</c:v>
                </c:pt>
                <c:pt idx="952">
                  <c:v>40486</c:v>
                </c:pt>
                <c:pt idx="953">
                  <c:v>40487</c:v>
                </c:pt>
                <c:pt idx="954">
                  <c:v>40490</c:v>
                </c:pt>
                <c:pt idx="955">
                  <c:v>40491</c:v>
                </c:pt>
                <c:pt idx="956">
                  <c:v>40492</c:v>
                </c:pt>
                <c:pt idx="957">
                  <c:v>40493</c:v>
                </c:pt>
                <c:pt idx="958">
                  <c:v>40494</c:v>
                </c:pt>
                <c:pt idx="959">
                  <c:v>40497</c:v>
                </c:pt>
                <c:pt idx="960">
                  <c:v>40506</c:v>
                </c:pt>
                <c:pt idx="961">
                  <c:v>40507</c:v>
                </c:pt>
                <c:pt idx="962">
                  <c:v>40508</c:v>
                </c:pt>
                <c:pt idx="963">
                  <c:v>40511</c:v>
                </c:pt>
                <c:pt idx="964">
                  <c:v>40512</c:v>
                </c:pt>
                <c:pt idx="965">
                  <c:v>40513</c:v>
                </c:pt>
                <c:pt idx="966">
                  <c:v>40514</c:v>
                </c:pt>
                <c:pt idx="967">
                  <c:v>40515</c:v>
                </c:pt>
                <c:pt idx="968">
                  <c:v>40518</c:v>
                </c:pt>
                <c:pt idx="969">
                  <c:v>40519</c:v>
                </c:pt>
                <c:pt idx="970">
                  <c:v>40520</c:v>
                </c:pt>
                <c:pt idx="971">
                  <c:v>40521</c:v>
                </c:pt>
                <c:pt idx="972">
                  <c:v>40522</c:v>
                </c:pt>
                <c:pt idx="973">
                  <c:v>40525</c:v>
                </c:pt>
                <c:pt idx="974">
                  <c:v>40526</c:v>
                </c:pt>
                <c:pt idx="975">
                  <c:v>40527</c:v>
                </c:pt>
                <c:pt idx="976">
                  <c:v>40528</c:v>
                </c:pt>
                <c:pt idx="977">
                  <c:v>40529</c:v>
                </c:pt>
                <c:pt idx="978">
                  <c:v>40532</c:v>
                </c:pt>
                <c:pt idx="979">
                  <c:v>40533</c:v>
                </c:pt>
                <c:pt idx="980">
                  <c:v>40534</c:v>
                </c:pt>
                <c:pt idx="981">
                  <c:v>40535</c:v>
                </c:pt>
                <c:pt idx="982">
                  <c:v>40536</c:v>
                </c:pt>
                <c:pt idx="983">
                  <c:v>40539</c:v>
                </c:pt>
                <c:pt idx="984">
                  <c:v>40540</c:v>
                </c:pt>
                <c:pt idx="985">
                  <c:v>40541</c:v>
                </c:pt>
                <c:pt idx="986">
                  <c:v>40542</c:v>
                </c:pt>
                <c:pt idx="987">
                  <c:v>40543</c:v>
                </c:pt>
                <c:pt idx="988">
                  <c:v>40547</c:v>
                </c:pt>
                <c:pt idx="989">
                  <c:v>40548</c:v>
                </c:pt>
                <c:pt idx="990">
                  <c:v>40549</c:v>
                </c:pt>
                <c:pt idx="991">
                  <c:v>40550</c:v>
                </c:pt>
                <c:pt idx="992">
                  <c:v>40553</c:v>
                </c:pt>
                <c:pt idx="993">
                  <c:v>40554</c:v>
                </c:pt>
                <c:pt idx="994">
                  <c:v>40555</c:v>
                </c:pt>
                <c:pt idx="995">
                  <c:v>40556</c:v>
                </c:pt>
                <c:pt idx="996">
                  <c:v>40557</c:v>
                </c:pt>
                <c:pt idx="997">
                  <c:v>40560</c:v>
                </c:pt>
                <c:pt idx="998">
                  <c:v>40561</c:v>
                </c:pt>
                <c:pt idx="999">
                  <c:v>40562</c:v>
                </c:pt>
                <c:pt idx="1000">
                  <c:v>40563</c:v>
                </c:pt>
                <c:pt idx="1001">
                  <c:v>40564</c:v>
                </c:pt>
                <c:pt idx="1002">
                  <c:v>40567</c:v>
                </c:pt>
                <c:pt idx="1003">
                  <c:v>40568</c:v>
                </c:pt>
                <c:pt idx="1004">
                  <c:v>40569</c:v>
                </c:pt>
                <c:pt idx="1005">
                  <c:v>40570</c:v>
                </c:pt>
                <c:pt idx="1006">
                  <c:v>40571</c:v>
                </c:pt>
                <c:pt idx="1007">
                  <c:v>40574</c:v>
                </c:pt>
                <c:pt idx="1008">
                  <c:v>40575</c:v>
                </c:pt>
                <c:pt idx="1009">
                  <c:v>40583</c:v>
                </c:pt>
                <c:pt idx="1010">
                  <c:v>40584</c:v>
                </c:pt>
                <c:pt idx="1011">
                  <c:v>40585</c:v>
                </c:pt>
                <c:pt idx="1012">
                  <c:v>40588</c:v>
                </c:pt>
                <c:pt idx="1013">
                  <c:v>40589</c:v>
                </c:pt>
                <c:pt idx="1014">
                  <c:v>40590</c:v>
                </c:pt>
                <c:pt idx="1015">
                  <c:v>40591</c:v>
                </c:pt>
                <c:pt idx="1016">
                  <c:v>40592</c:v>
                </c:pt>
                <c:pt idx="1017">
                  <c:v>40595</c:v>
                </c:pt>
                <c:pt idx="1018">
                  <c:v>40596</c:v>
                </c:pt>
                <c:pt idx="1019">
                  <c:v>40597</c:v>
                </c:pt>
                <c:pt idx="1020">
                  <c:v>40598</c:v>
                </c:pt>
                <c:pt idx="1021">
                  <c:v>40599</c:v>
                </c:pt>
                <c:pt idx="1022">
                  <c:v>40602</c:v>
                </c:pt>
                <c:pt idx="1023">
                  <c:v>40603</c:v>
                </c:pt>
                <c:pt idx="1024">
                  <c:v>40604</c:v>
                </c:pt>
                <c:pt idx="1025">
                  <c:v>40605</c:v>
                </c:pt>
                <c:pt idx="1026">
                  <c:v>40606</c:v>
                </c:pt>
                <c:pt idx="1027">
                  <c:v>40609</c:v>
                </c:pt>
                <c:pt idx="1028">
                  <c:v>40610</c:v>
                </c:pt>
                <c:pt idx="1029">
                  <c:v>40611</c:v>
                </c:pt>
                <c:pt idx="1030">
                  <c:v>40612</c:v>
                </c:pt>
                <c:pt idx="1031">
                  <c:v>40613</c:v>
                </c:pt>
                <c:pt idx="1032">
                  <c:v>40616</c:v>
                </c:pt>
                <c:pt idx="1033">
                  <c:v>40617</c:v>
                </c:pt>
                <c:pt idx="1034">
                  <c:v>40618</c:v>
                </c:pt>
                <c:pt idx="1035">
                  <c:v>40619</c:v>
                </c:pt>
                <c:pt idx="1036">
                  <c:v>40620</c:v>
                </c:pt>
                <c:pt idx="1037">
                  <c:v>40623</c:v>
                </c:pt>
                <c:pt idx="1038">
                  <c:v>40624</c:v>
                </c:pt>
                <c:pt idx="1039">
                  <c:v>40625</c:v>
                </c:pt>
                <c:pt idx="1040">
                  <c:v>40626</c:v>
                </c:pt>
                <c:pt idx="1041">
                  <c:v>40627</c:v>
                </c:pt>
                <c:pt idx="1042">
                  <c:v>40630</c:v>
                </c:pt>
                <c:pt idx="1043">
                  <c:v>40631</c:v>
                </c:pt>
                <c:pt idx="1044">
                  <c:v>40632</c:v>
                </c:pt>
                <c:pt idx="1045">
                  <c:v>40633</c:v>
                </c:pt>
                <c:pt idx="1046">
                  <c:v>40634</c:v>
                </c:pt>
                <c:pt idx="1047">
                  <c:v>40639</c:v>
                </c:pt>
                <c:pt idx="1048">
                  <c:v>40640</c:v>
                </c:pt>
                <c:pt idx="1049">
                  <c:v>40641</c:v>
                </c:pt>
                <c:pt idx="1050">
                  <c:v>40644</c:v>
                </c:pt>
                <c:pt idx="1051">
                  <c:v>40645</c:v>
                </c:pt>
                <c:pt idx="1052">
                  <c:v>40646</c:v>
                </c:pt>
                <c:pt idx="1053">
                  <c:v>40647</c:v>
                </c:pt>
                <c:pt idx="1054">
                  <c:v>40648</c:v>
                </c:pt>
                <c:pt idx="1055">
                  <c:v>40651</c:v>
                </c:pt>
                <c:pt idx="1056">
                  <c:v>40652</c:v>
                </c:pt>
                <c:pt idx="1057">
                  <c:v>40653</c:v>
                </c:pt>
                <c:pt idx="1058">
                  <c:v>40654</c:v>
                </c:pt>
                <c:pt idx="1059">
                  <c:v>40655</c:v>
                </c:pt>
                <c:pt idx="1060">
                  <c:v>40658</c:v>
                </c:pt>
                <c:pt idx="1061">
                  <c:v>40659</c:v>
                </c:pt>
                <c:pt idx="1062">
                  <c:v>40660</c:v>
                </c:pt>
                <c:pt idx="1063">
                  <c:v>40661</c:v>
                </c:pt>
                <c:pt idx="1064">
                  <c:v>40662</c:v>
                </c:pt>
                <c:pt idx="1065">
                  <c:v>40666</c:v>
                </c:pt>
                <c:pt idx="1066">
                  <c:v>40667</c:v>
                </c:pt>
                <c:pt idx="1067">
                  <c:v>40668</c:v>
                </c:pt>
                <c:pt idx="1068">
                  <c:v>40669</c:v>
                </c:pt>
                <c:pt idx="1069">
                  <c:v>40672</c:v>
                </c:pt>
                <c:pt idx="1070">
                  <c:v>40673</c:v>
                </c:pt>
                <c:pt idx="1071">
                  <c:v>40674</c:v>
                </c:pt>
                <c:pt idx="1072">
                  <c:v>40675</c:v>
                </c:pt>
                <c:pt idx="1073">
                  <c:v>40676</c:v>
                </c:pt>
                <c:pt idx="1074">
                  <c:v>40679</c:v>
                </c:pt>
                <c:pt idx="1075">
                  <c:v>40680</c:v>
                </c:pt>
                <c:pt idx="1076">
                  <c:v>40681</c:v>
                </c:pt>
                <c:pt idx="1077">
                  <c:v>40682</c:v>
                </c:pt>
                <c:pt idx="1078">
                  <c:v>40683</c:v>
                </c:pt>
                <c:pt idx="1079">
                  <c:v>40686</c:v>
                </c:pt>
                <c:pt idx="1080">
                  <c:v>40687</c:v>
                </c:pt>
                <c:pt idx="1081">
                  <c:v>40688</c:v>
                </c:pt>
                <c:pt idx="1082">
                  <c:v>40689</c:v>
                </c:pt>
                <c:pt idx="1083">
                  <c:v>40690</c:v>
                </c:pt>
                <c:pt idx="1084">
                  <c:v>40693</c:v>
                </c:pt>
                <c:pt idx="1085">
                  <c:v>40695</c:v>
                </c:pt>
                <c:pt idx="1086">
                  <c:v>40696</c:v>
                </c:pt>
                <c:pt idx="1087">
                  <c:v>40697</c:v>
                </c:pt>
                <c:pt idx="1088">
                  <c:v>40701</c:v>
                </c:pt>
                <c:pt idx="1089">
                  <c:v>40702</c:v>
                </c:pt>
                <c:pt idx="1090">
                  <c:v>40703</c:v>
                </c:pt>
                <c:pt idx="1091">
                  <c:v>40704</c:v>
                </c:pt>
                <c:pt idx="1092">
                  <c:v>40707</c:v>
                </c:pt>
                <c:pt idx="1093">
                  <c:v>40708</c:v>
                </c:pt>
                <c:pt idx="1094">
                  <c:v>40709</c:v>
                </c:pt>
                <c:pt idx="1095">
                  <c:v>40710</c:v>
                </c:pt>
                <c:pt idx="1096">
                  <c:v>40711</c:v>
                </c:pt>
                <c:pt idx="1097">
                  <c:v>40714</c:v>
                </c:pt>
                <c:pt idx="1098">
                  <c:v>40715</c:v>
                </c:pt>
                <c:pt idx="1099">
                  <c:v>40716</c:v>
                </c:pt>
                <c:pt idx="1100">
                  <c:v>40717</c:v>
                </c:pt>
                <c:pt idx="1101">
                  <c:v>40718</c:v>
                </c:pt>
                <c:pt idx="1102">
                  <c:v>40721</c:v>
                </c:pt>
                <c:pt idx="1103">
                  <c:v>40722</c:v>
                </c:pt>
                <c:pt idx="1104">
                  <c:v>40723</c:v>
                </c:pt>
                <c:pt idx="1105">
                  <c:v>40724</c:v>
                </c:pt>
                <c:pt idx="1106">
                  <c:v>40725</c:v>
                </c:pt>
                <c:pt idx="1107">
                  <c:v>40728</c:v>
                </c:pt>
                <c:pt idx="1108">
                  <c:v>40729</c:v>
                </c:pt>
                <c:pt idx="1109">
                  <c:v>40730</c:v>
                </c:pt>
                <c:pt idx="1110">
                  <c:v>40731</c:v>
                </c:pt>
                <c:pt idx="1111">
                  <c:v>40732</c:v>
                </c:pt>
                <c:pt idx="1112">
                  <c:v>40735</c:v>
                </c:pt>
                <c:pt idx="1113">
                  <c:v>40736</c:v>
                </c:pt>
                <c:pt idx="1114">
                  <c:v>40737</c:v>
                </c:pt>
                <c:pt idx="1115">
                  <c:v>40738</c:v>
                </c:pt>
                <c:pt idx="1116">
                  <c:v>40739</c:v>
                </c:pt>
                <c:pt idx="1117">
                  <c:v>40742</c:v>
                </c:pt>
                <c:pt idx="1118">
                  <c:v>40743</c:v>
                </c:pt>
                <c:pt idx="1119">
                  <c:v>40744</c:v>
                </c:pt>
                <c:pt idx="1120">
                  <c:v>40745</c:v>
                </c:pt>
                <c:pt idx="1121">
                  <c:v>40746</c:v>
                </c:pt>
                <c:pt idx="1122">
                  <c:v>40749</c:v>
                </c:pt>
                <c:pt idx="1123">
                  <c:v>40750</c:v>
                </c:pt>
                <c:pt idx="1124">
                  <c:v>40751</c:v>
                </c:pt>
                <c:pt idx="1125">
                  <c:v>40752</c:v>
                </c:pt>
                <c:pt idx="1126">
                  <c:v>40753</c:v>
                </c:pt>
                <c:pt idx="1127">
                  <c:v>40756</c:v>
                </c:pt>
                <c:pt idx="1128">
                  <c:v>40757</c:v>
                </c:pt>
                <c:pt idx="1129">
                  <c:v>40758</c:v>
                </c:pt>
                <c:pt idx="1130">
                  <c:v>40759</c:v>
                </c:pt>
                <c:pt idx="1131">
                  <c:v>40760</c:v>
                </c:pt>
                <c:pt idx="1132">
                  <c:v>40763</c:v>
                </c:pt>
                <c:pt idx="1133">
                  <c:v>40764</c:v>
                </c:pt>
                <c:pt idx="1134">
                  <c:v>40765</c:v>
                </c:pt>
                <c:pt idx="1135">
                  <c:v>40766</c:v>
                </c:pt>
                <c:pt idx="1136">
                  <c:v>40767</c:v>
                </c:pt>
                <c:pt idx="1137">
                  <c:v>40770</c:v>
                </c:pt>
                <c:pt idx="1138">
                  <c:v>40771</c:v>
                </c:pt>
                <c:pt idx="1139">
                  <c:v>40772</c:v>
                </c:pt>
                <c:pt idx="1140">
                  <c:v>40773</c:v>
                </c:pt>
                <c:pt idx="1141">
                  <c:v>40774</c:v>
                </c:pt>
                <c:pt idx="1142">
                  <c:v>40777</c:v>
                </c:pt>
                <c:pt idx="1143">
                  <c:v>40778</c:v>
                </c:pt>
                <c:pt idx="1144">
                  <c:v>40779</c:v>
                </c:pt>
                <c:pt idx="1145">
                  <c:v>40780</c:v>
                </c:pt>
                <c:pt idx="1146">
                  <c:v>40781</c:v>
                </c:pt>
                <c:pt idx="1147">
                  <c:v>40784</c:v>
                </c:pt>
                <c:pt idx="1148">
                  <c:v>40785</c:v>
                </c:pt>
                <c:pt idx="1149">
                  <c:v>40786</c:v>
                </c:pt>
                <c:pt idx="1150">
                  <c:v>40787</c:v>
                </c:pt>
                <c:pt idx="1151">
                  <c:v>40788</c:v>
                </c:pt>
                <c:pt idx="1152">
                  <c:v>40791</c:v>
                </c:pt>
                <c:pt idx="1153">
                  <c:v>40792</c:v>
                </c:pt>
                <c:pt idx="1154">
                  <c:v>40793</c:v>
                </c:pt>
                <c:pt idx="1155">
                  <c:v>40794</c:v>
                </c:pt>
                <c:pt idx="1156">
                  <c:v>40795</c:v>
                </c:pt>
                <c:pt idx="1157">
                  <c:v>40799</c:v>
                </c:pt>
                <c:pt idx="1158">
                  <c:v>40800</c:v>
                </c:pt>
                <c:pt idx="1159">
                  <c:v>40801</c:v>
                </c:pt>
                <c:pt idx="1160">
                  <c:v>40802</c:v>
                </c:pt>
                <c:pt idx="1161">
                  <c:v>40805</c:v>
                </c:pt>
                <c:pt idx="1162">
                  <c:v>40806</c:v>
                </c:pt>
                <c:pt idx="1163">
                  <c:v>40807</c:v>
                </c:pt>
                <c:pt idx="1164">
                  <c:v>40808</c:v>
                </c:pt>
                <c:pt idx="1165">
                  <c:v>40809</c:v>
                </c:pt>
                <c:pt idx="1166">
                  <c:v>40812</c:v>
                </c:pt>
                <c:pt idx="1167">
                  <c:v>40813</c:v>
                </c:pt>
                <c:pt idx="1168">
                  <c:v>40814</c:v>
                </c:pt>
                <c:pt idx="1169">
                  <c:v>40815</c:v>
                </c:pt>
                <c:pt idx="1170">
                  <c:v>40816</c:v>
                </c:pt>
                <c:pt idx="1171">
                  <c:v>40826</c:v>
                </c:pt>
                <c:pt idx="1172">
                  <c:v>40827</c:v>
                </c:pt>
                <c:pt idx="1173">
                  <c:v>40828</c:v>
                </c:pt>
                <c:pt idx="1174">
                  <c:v>40829</c:v>
                </c:pt>
                <c:pt idx="1175">
                  <c:v>40830</c:v>
                </c:pt>
                <c:pt idx="1176">
                  <c:v>40833</c:v>
                </c:pt>
                <c:pt idx="1177">
                  <c:v>40834</c:v>
                </c:pt>
                <c:pt idx="1178">
                  <c:v>40835</c:v>
                </c:pt>
                <c:pt idx="1179">
                  <c:v>40836</c:v>
                </c:pt>
                <c:pt idx="1180">
                  <c:v>40837</c:v>
                </c:pt>
                <c:pt idx="1181">
                  <c:v>40840</c:v>
                </c:pt>
                <c:pt idx="1182">
                  <c:v>40841</c:v>
                </c:pt>
                <c:pt idx="1183">
                  <c:v>40842</c:v>
                </c:pt>
                <c:pt idx="1184">
                  <c:v>40843</c:v>
                </c:pt>
                <c:pt idx="1185">
                  <c:v>40844</c:v>
                </c:pt>
                <c:pt idx="1186">
                  <c:v>40847</c:v>
                </c:pt>
                <c:pt idx="1187">
                  <c:v>40848</c:v>
                </c:pt>
                <c:pt idx="1188">
                  <c:v>40849</c:v>
                </c:pt>
                <c:pt idx="1189">
                  <c:v>40850</c:v>
                </c:pt>
                <c:pt idx="1190">
                  <c:v>40851</c:v>
                </c:pt>
                <c:pt idx="1191">
                  <c:v>40854</c:v>
                </c:pt>
                <c:pt idx="1192">
                  <c:v>40855</c:v>
                </c:pt>
                <c:pt idx="1193">
                  <c:v>40856</c:v>
                </c:pt>
                <c:pt idx="1194">
                  <c:v>40857</c:v>
                </c:pt>
                <c:pt idx="1195">
                  <c:v>40858</c:v>
                </c:pt>
                <c:pt idx="1196">
                  <c:v>40861</c:v>
                </c:pt>
                <c:pt idx="1197">
                  <c:v>40862</c:v>
                </c:pt>
                <c:pt idx="1198">
                  <c:v>40863</c:v>
                </c:pt>
                <c:pt idx="1199">
                  <c:v>40864</c:v>
                </c:pt>
                <c:pt idx="1200">
                  <c:v>40865</c:v>
                </c:pt>
                <c:pt idx="1201">
                  <c:v>40868</c:v>
                </c:pt>
                <c:pt idx="1202">
                  <c:v>40869</c:v>
                </c:pt>
                <c:pt idx="1203">
                  <c:v>40870</c:v>
                </c:pt>
                <c:pt idx="1204">
                  <c:v>40871</c:v>
                </c:pt>
                <c:pt idx="1205">
                  <c:v>40872</c:v>
                </c:pt>
                <c:pt idx="1206">
                  <c:v>40875</c:v>
                </c:pt>
                <c:pt idx="1207">
                  <c:v>40877</c:v>
                </c:pt>
                <c:pt idx="1208">
                  <c:v>40878</c:v>
                </c:pt>
                <c:pt idx="1209">
                  <c:v>40879</c:v>
                </c:pt>
                <c:pt idx="1210">
                  <c:v>40882</c:v>
                </c:pt>
                <c:pt idx="1211">
                  <c:v>40883</c:v>
                </c:pt>
                <c:pt idx="1212">
                  <c:v>40884</c:v>
                </c:pt>
                <c:pt idx="1213">
                  <c:v>40885</c:v>
                </c:pt>
                <c:pt idx="1214">
                  <c:v>40886</c:v>
                </c:pt>
                <c:pt idx="1215">
                  <c:v>40889</c:v>
                </c:pt>
                <c:pt idx="1216">
                  <c:v>40890</c:v>
                </c:pt>
                <c:pt idx="1217">
                  <c:v>40891</c:v>
                </c:pt>
                <c:pt idx="1218">
                  <c:v>40892</c:v>
                </c:pt>
                <c:pt idx="1219">
                  <c:v>40893</c:v>
                </c:pt>
                <c:pt idx="1220">
                  <c:v>40896</c:v>
                </c:pt>
                <c:pt idx="1221">
                  <c:v>40897</c:v>
                </c:pt>
                <c:pt idx="1222">
                  <c:v>40898</c:v>
                </c:pt>
                <c:pt idx="1223">
                  <c:v>40899</c:v>
                </c:pt>
                <c:pt idx="1224">
                  <c:v>40900</c:v>
                </c:pt>
                <c:pt idx="1225">
                  <c:v>40903</c:v>
                </c:pt>
                <c:pt idx="1226">
                  <c:v>40904</c:v>
                </c:pt>
                <c:pt idx="1227">
                  <c:v>40905</c:v>
                </c:pt>
                <c:pt idx="1228">
                  <c:v>40906</c:v>
                </c:pt>
                <c:pt idx="1229">
                  <c:v>40907</c:v>
                </c:pt>
                <c:pt idx="1230">
                  <c:v>40910</c:v>
                </c:pt>
                <c:pt idx="1231">
                  <c:v>40911</c:v>
                </c:pt>
                <c:pt idx="1232">
                  <c:v>40912</c:v>
                </c:pt>
                <c:pt idx="1233">
                  <c:v>40913</c:v>
                </c:pt>
                <c:pt idx="1234">
                  <c:v>40914</c:v>
                </c:pt>
                <c:pt idx="1235">
                  <c:v>40917</c:v>
                </c:pt>
                <c:pt idx="1236">
                  <c:v>40918</c:v>
                </c:pt>
                <c:pt idx="1237">
                  <c:v>40919</c:v>
                </c:pt>
                <c:pt idx="1238">
                  <c:v>40920</c:v>
                </c:pt>
                <c:pt idx="1239">
                  <c:v>40921</c:v>
                </c:pt>
                <c:pt idx="1240">
                  <c:v>40924</c:v>
                </c:pt>
                <c:pt idx="1241">
                  <c:v>40925</c:v>
                </c:pt>
                <c:pt idx="1242">
                  <c:v>40926</c:v>
                </c:pt>
                <c:pt idx="1243">
                  <c:v>40927</c:v>
                </c:pt>
                <c:pt idx="1244">
                  <c:v>40928</c:v>
                </c:pt>
                <c:pt idx="1245">
                  <c:v>40938</c:v>
                </c:pt>
                <c:pt idx="1246">
                  <c:v>40939</c:v>
                </c:pt>
                <c:pt idx="1247">
                  <c:v>40940</c:v>
                </c:pt>
                <c:pt idx="1248">
                  <c:v>40941</c:v>
                </c:pt>
                <c:pt idx="1249">
                  <c:v>40942</c:v>
                </c:pt>
                <c:pt idx="1250">
                  <c:v>40945</c:v>
                </c:pt>
                <c:pt idx="1251">
                  <c:v>40946</c:v>
                </c:pt>
                <c:pt idx="1252">
                  <c:v>40947</c:v>
                </c:pt>
                <c:pt idx="1253">
                  <c:v>40948</c:v>
                </c:pt>
                <c:pt idx="1254">
                  <c:v>40949</c:v>
                </c:pt>
                <c:pt idx="1255">
                  <c:v>40952</c:v>
                </c:pt>
                <c:pt idx="1256">
                  <c:v>40953</c:v>
                </c:pt>
                <c:pt idx="1257">
                  <c:v>40954</c:v>
                </c:pt>
                <c:pt idx="1258">
                  <c:v>40955</c:v>
                </c:pt>
                <c:pt idx="1259">
                  <c:v>40956</c:v>
                </c:pt>
                <c:pt idx="1260">
                  <c:v>40959</c:v>
                </c:pt>
                <c:pt idx="1261">
                  <c:v>40960</c:v>
                </c:pt>
                <c:pt idx="1262">
                  <c:v>40961</c:v>
                </c:pt>
                <c:pt idx="1263">
                  <c:v>40963</c:v>
                </c:pt>
                <c:pt idx="1264">
                  <c:v>40966</c:v>
                </c:pt>
                <c:pt idx="1265">
                  <c:v>40967</c:v>
                </c:pt>
                <c:pt idx="1266">
                  <c:v>40968</c:v>
                </c:pt>
                <c:pt idx="1267">
                  <c:v>40969</c:v>
                </c:pt>
                <c:pt idx="1268">
                  <c:v>40970</c:v>
                </c:pt>
                <c:pt idx="1269">
                  <c:v>40973</c:v>
                </c:pt>
                <c:pt idx="1270">
                  <c:v>40974</c:v>
                </c:pt>
                <c:pt idx="1271">
                  <c:v>40975</c:v>
                </c:pt>
                <c:pt idx="1272">
                  <c:v>40976</c:v>
                </c:pt>
                <c:pt idx="1273">
                  <c:v>40977</c:v>
                </c:pt>
                <c:pt idx="1274">
                  <c:v>40980</c:v>
                </c:pt>
                <c:pt idx="1275">
                  <c:v>40981</c:v>
                </c:pt>
                <c:pt idx="1276">
                  <c:v>40982</c:v>
                </c:pt>
                <c:pt idx="1277">
                  <c:v>40983</c:v>
                </c:pt>
                <c:pt idx="1278">
                  <c:v>40984</c:v>
                </c:pt>
                <c:pt idx="1279">
                  <c:v>40987</c:v>
                </c:pt>
                <c:pt idx="1280">
                  <c:v>40988</c:v>
                </c:pt>
                <c:pt idx="1281">
                  <c:v>40989</c:v>
                </c:pt>
                <c:pt idx="1282">
                  <c:v>40990</c:v>
                </c:pt>
                <c:pt idx="1283">
                  <c:v>40991</c:v>
                </c:pt>
                <c:pt idx="1284">
                  <c:v>40994</c:v>
                </c:pt>
                <c:pt idx="1285">
                  <c:v>40995</c:v>
                </c:pt>
                <c:pt idx="1286">
                  <c:v>40996</c:v>
                </c:pt>
                <c:pt idx="1287">
                  <c:v>40997</c:v>
                </c:pt>
                <c:pt idx="1288">
                  <c:v>40998</c:v>
                </c:pt>
                <c:pt idx="1289">
                  <c:v>41004</c:v>
                </c:pt>
                <c:pt idx="1290">
                  <c:v>41005</c:v>
                </c:pt>
                <c:pt idx="1291">
                  <c:v>41008</c:v>
                </c:pt>
                <c:pt idx="1292">
                  <c:v>41009</c:v>
                </c:pt>
                <c:pt idx="1293">
                  <c:v>41010</c:v>
                </c:pt>
                <c:pt idx="1294">
                  <c:v>41011</c:v>
                </c:pt>
                <c:pt idx="1295">
                  <c:v>41012</c:v>
                </c:pt>
                <c:pt idx="1296">
                  <c:v>41015</c:v>
                </c:pt>
                <c:pt idx="1297">
                  <c:v>41016</c:v>
                </c:pt>
                <c:pt idx="1298">
                  <c:v>41017</c:v>
                </c:pt>
                <c:pt idx="1299">
                  <c:v>41018</c:v>
                </c:pt>
                <c:pt idx="1300">
                  <c:v>41019</c:v>
                </c:pt>
                <c:pt idx="1301">
                  <c:v>41022</c:v>
                </c:pt>
                <c:pt idx="1302">
                  <c:v>41023</c:v>
                </c:pt>
                <c:pt idx="1303">
                  <c:v>41024</c:v>
                </c:pt>
                <c:pt idx="1304">
                  <c:v>41025</c:v>
                </c:pt>
                <c:pt idx="1305">
                  <c:v>41026</c:v>
                </c:pt>
                <c:pt idx="1306">
                  <c:v>41031</c:v>
                </c:pt>
                <c:pt idx="1307">
                  <c:v>41032</c:v>
                </c:pt>
                <c:pt idx="1308">
                  <c:v>41033</c:v>
                </c:pt>
                <c:pt idx="1309">
                  <c:v>41036</c:v>
                </c:pt>
                <c:pt idx="1310">
                  <c:v>41037</c:v>
                </c:pt>
                <c:pt idx="1311">
                  <c:v>41038</c:v>
                </c:pt>
                <c:pt idx="1312">
                  <c:v>41039</c:v>
                </c:pt>
                <c:pt idx="1313">
                  <c:v>41040</c:v>
                </c:pt>
                <c:pt idx="1314">
                  <c:v>41043</c:v>
                </c:pt>
                <c:pt idx="1315">
                  <c:v>41044</c:v>
                </c:pt>
                <c:pt idx="1316">
                  <c:v>41045</c:v>
                </c:pt>
                <c:pt idx="1317">
                  <c:v>41046</c:v>
                </c:pt>
                <c:pt idx="1318">
                  <c:v>41047</c:v>
                </c:pt>
                <c:pt idx="1319">
                  <c:v>41050</c:v>
                </c:pt>
                <c:pt idx="1320">
                  <c:v>41051</c:v>
                </c:pt>
                <c:pt idx="1321">
                  <c:v>41052</c:v>
                </c:pt>
                <c:pt idx="1322">
                  <c:v>41053</c:v>
                </c:pt>
                <c:pt idx="1323">
                  <c:v>41054</c:v>
                </c:pt>
                <c:pt idx="1324">
                  <c:v>41057</c:v>
                </c:pt>
                <c:pt idx="1325">
                  <c:v>41058</c:v>
                </c:pt>
                <c:pt idx="1326">
                  <c:v>41059</c:v>
                </c:pt>
                <c:pt idx="1327">
                  <c:v>41061</c:v>
                </c:pt>
                <c:pt idx="1328">
                  <c:v>41064</c:v>
                </c:pt>
                <c:pt idx="1329">
                  <c:v>41065</c:v>
                </c:pt>
                <c:pt idx="1330">
                  <c:v>41066</c:v>
                </c:pt>
                <c:pt idx="1331">
                  <c:v>41067</c:v>
                </c:pt>
                <c:pt idx="1332">
                  <c:v>41068</c:v>
                </c:pt>
                <c:pt idx="1333">
                  <c:v>41071</c:v>
                </c:pt>
                <c:pt idx="1334">
                  <c:v>41072</c:v>
                </c:pt>
                <c:pt idx="1335">
                  <c:v>41073</c:v>
                </c:pt>
                <c:pt idx="1336">
                  <c:v>41074</c:v>
                </c:pt>
                <c:pt idx="1337">
                  <c:v>41075</c:v>
                </c:pt>
                <c:pt idx="1338">
                  <c:v>41078</c:v>
                </c:pt>
                <c:pt idx="1339">
                  <c:v>41079</c:v>
                </c:pt>
                <c:pt idx="1340">
                  <c:v>41080</c:v>
                </c:pt>
                <c:pt idx="1341">
                  <c:v>41081</c:v>
                </c:pt>
                <c:pt idx="1342">
                  <c:v>41085</c:v>
                </c:pt>
                <c:pt idx="1343">
                  <c:v>41086</c:v>
                </c:pt>
                <c:pt idx="1344">
                  <c:v>41087</c:v>
                </c:pt>
                <c:pt idx="1345">
                  <c:v>41088</c:v>
                </c:pt>
                <c:pt idx="1346">
                  <c:v>41089</c:v>
                </c:pt>
                <c:pt idx="1347">
                  <c:v>41092</c:v>
                </c:pt>
                <c:pt idx="1348">
                  <c:v>41093</c:v>
                </c:pt>
                <c:pt idx="1349">
                  <c:v>41094</c:v>
                </c:pt>
                <c:pt idx="1350">
                  <c:v>41095</c:v>
                </c:pt>
                <c:pt idx="1351">
                  <c:v>41096</c:v>
                </c:pt>
                <c:pt idx="1352">
                  <c:v>41099</c:v>
                </c:pt>
                <c:pt idx="1353">
                  <c:v>41100</c:v>
                </c:pt>
                <c:pt idx="1354">
                  <c:v>41101</c:v>
                </c:pt>
                <c:pt idx="1355">
                  <c:v>41102</c:v>
                </c:pt>
                <c:pt idx="1356">
                  <c:v>41103</c:v>
                </c:pt>
                <c:pt idx="1357">
                  <c:v>41106</c:v>
                </c:pt>
                <c:pt idx="1358">
                  <c:v>41107</c:v>
                </c:pt>
                <c:pt idx="1359">
                  <c:v>41108</c:v>
                </c:pt>
                <c:pt idx="1360">
                  <c:v>41109</c:v>
                </c:pt>
                <c:pt idx="1361">
                  <c:v>41110</c:v>
                </c:pt>
                <c:pt idx="1362">
                  <c:v>41113</c:v>
                </c:pt>
                <c:pt idx="1363">
                  <c:v>41114</c:v>
                </c:pt>
                <c:pt idx="1364">
                  <c:v>41115</c:v>
                </c:pt>
                <c:pt idx="1365">
                  <c:v>41116</c:v>
                </c:pt>
                <c:pt idx="1366">
                  <c:v>41117</c:v>
                </c:pt>
                <c:pt idx="1367">
                  <c:v>41120</c:v>
                </c:pt>
                <c:pt idx="1368">
                  <c:v>41121</c:v>
                </c:pt>
                <c:pt idx="1369">
                  <c:v>41122</c:v>
                </c:pt>
                <c:pt idx="1370">
                  <c:v>41123</c:v>
                </c:pt>
                <c:pt idx="1371">
                  <c:v>41124</c:v>
                </c:pt>
                <c:pt idx="1372">
                  <c:v>41127</c:v>
                </c:pt>
                <c:pt idx="1373">
                  <c:v>41128</c:v>
                </c:pt>
                <c:pt idx="1374">
                  <c:v>41129</c:v>
                </c:pt>
                <c:pt idx="1375">
                  <c:v>41130</c:v>
                </c:pt>
                <c:pt idx="1376">
                  <c:v>41131</c:v>
                </c:pt>
                <c:pt idx="1377">
                  <c:v>41134</c:v>
                </c:pt>
                <c:pt idx="1378">
                  <c:v>41135</c:v>
                </c:pt>
                <c:pt idx="1379">
                  <c:v>41136</c:v>
                </c:pt>
                <c:pt idx="1380">
                  <c:v>41137</c:v>
                </c:pt>
                <c:pt idx="1381">
                  <c:v>41138</c:v>
                </c:pt>
                <c:pt idx="1382">
                  <c:v>41141</c:v>
                </c:pt>
                <c:pt idx="1383">
                  <c:v>41142</c:v>
                </c:pt>
                <c:pt idx="1384">
                  <c:v>41143</c:v>
                </c:pt>
                <c:pt idx="1385">
                  <c:v>41144</c:v>
                </c:pt>
                <c:pt idx="1386">
                  <c:v>41145</c:v>
                </c:pt>
                <c:pt idx="1387">
                  <c:v>41148</c:v>
                </c:pt>
                <c:pt idx="1388">
                  <c:v>41149</c:v>
                </c:pt>
                <c:pt idx="1389">
                  <c:v>41150</c:v>
                </c:pt>
                <c:pt idx="1390">
                  <c:v>41151</c:v>
                </c:pt>
                <c:pt idx="1391">
                  <c:v>41152</c:v>
                </c:pt>
                <c:pt idx="1392">
                  <c:v>41155</c:v>
                </c:pt>
                <c:pt idx="1393">
                  <c:v>41156</c:v>
                </c:pt>
                <c:pt idx="1394">
                  <c:v>41157</c:v>
                </c:pt>
                <c:pt idx="1395">
                  <c:v>41158</c:v>
                </c:pt>
                <c:pt idx="1396">
                  <c:v>41159</c:v>
                </c:pt>
                <c:pt idx="1397">
                  <c:v>41162</c:v>
                </c:pt>
                <c:pt idx="1398">
                  <c:v>41163</c:v>
                </c:pt>
                <c:pt idx="1399">
                  <c:v>41164</c:v>
                </c:pt>
                <c:pt idx="1400">
                  <c:v>41165</c:v>
                </c:pt>
                <c:pt idx="1401">
                  <c:v>41166</c:v>
                </c:pt>
                <c:pt idx="1402">
                  <c:v>41169</c:v>
                </c:pt>
                <c:pt idx="1403">
                  <c:v>41170</c:v>
                </c:pt>
                <c:pt idx="1404">
                  <c:v>41171</c:v>
                </c:pt>
                <c:pt idx="1405">
                  <c:v>41172</c:v>
                </c:pt>
                <c:pt idx="1406">
                  <c:v>41173</c:v>
                </c:pt>
                <c:pt idx="1407">
                  <c:v>41176</c:v>
                </c:pt>
                <c:pt idx="1408">
                  <c:v>41177</c:v>
                </c:pt>
                <c:pt idx="1409">
                  <c:v>41178</c:v>
                </c:pt>
                <c:pt idx="1410">
                  <c:v>41179</c:v>
                </c:pt>
                <c:pt idx="1411">
                  <c:v>41180</c:v>
                </c:pt>
                <c:pt idx="1412">
                  <c:v>41190</c:v>
                </c:pt>
                <c:pt idx="1413">
                  <c:v>41191</c:v>
                </c:pt>
                <c:pt idx="1414">
                  <c:v>41192</c:v>
                </c:pt>
                <c:pt idx="1415">
                  <c:v>41193</c:v>
                </c:pt>
                <c:pt idx="1416">
                  <c:v>41194</c:v>
                </c:pt>
                <c:pt idx="1417">
                  <c:v>41197</c:v>
                </c:pt>
                <c:pt idx="1418">
                  <c:v>41198</c:v>
                </c:pt>
                <c:pt idx="1419">
                  <c:v>41199</c:v>
                </c:pt>
                <c:pt idx="1420">
                  <c:v>41200</c:v>
                </c:pt>
                <c:pt idx="1421">
                  <c:v>41201</c:v>
                </c:pt>
                <c:pt idx="1422">
                  <c:v>41204</c:v>
                </c:pt>
                <c:pt idx="1423">
                  <c:v>41205</c:v>
                </c:pt>
                <c:pt idx="1424">
                  <c:v>41206</c:v>
                </c:pt>
                <c:pt idx="1425">
                  <c:v>41207</c:v>
                </c:pt>
                <c:pt idx="1426">
                  <c:v>41208</c:v>
                </c:pt>
                <c:pt idx="1427">
                  <c:v>41211</c:v>
                </c:pt>
                <c:pt idx="1428">
                  <c:v>41212</c:v>
                </c:pt>
                <c:pt idx="1429">
                  <c:v>41213</c:v>
                </c:pt>
                <c:pt idx="1430">
                  <c:v>41214</c:v>
                </c:pt>
                <c:pt idx="1431">
                  <c:v>41215</c:v>
                </c:pt>
                <c:pt idx="1432">
                  <c:v>41218</c:v>
                </c:pt>
                <c:pt idx="1433">
                  <c:v>41219</c:v>
                </c:pt>
                <c:pt idx="1434">
                  <c:v>41220</c:v>
                </c:pt>
                <c:pt idx="1435">
                  <c:v>41221</c:v>
                </c:pt>
                <c:pt idx="1436">
                  <c:v>41222</c:v>
                </c:pt>
                <c:pt idx="1437">
                  <c:v>41225</c:v>
                </c:pt>
                <c:pt idx="1438">
                  <c:v>41226</c:v>
                </c:pt>
                <c:pt idx="1439">
                  <c:v>41227</c:v>
                </c:pt>
                <c:pt idx="1440">
                  <c:v>41228</c:v>
                </c:pt>
                <c:pt idx="1441">
                  <c:v>41229</c:v>
                </c:pt>
                <c:pt idx="1442">
                  <c:v>41232</c:v>
                </c:pt>
                <c:pt idx="1443">
                  <c:v>41233</c:v>
                </c:pt>
                <c:pt idx="1444">
                  <c:v>41234</c:v>
                </c:pt>
                <c:pt idx="1445">
                  <c:v>41235</c:v>
                </c:pt>
                <c:pt idx="1446">
                  <c:v>41236</c:v>
                </c:pt>
                <c:pt idx="1447">
                  <c:v>41239</c:v>
                </c:pt>
                <c:pt idx="1448">
                  <c:v>41240</c:v>
                </c:pt>
                <c:pt idx="1449">
                  <c:v>41241</c:v>
                </c:pt>
                <c:pt idx="1450">
                  <c:v>41242</c:v>
                </c:pt>
                <c:pt idx="1451">
                  <c:v>41243</c:v>
                </c:pt>
                <c:pt idx="1452">
                  <c:v>41246</c:v>
                </c:pt>
                <c:pt idx="1453">
                  <c:v>41247</c:v>
                </c:pt>
                <c:pt idx="1454">
                  <c:v>41248</c:v>
                </c:pt>
                <c:pt idx="1455">
                  <c:v>41249</c:v>
                </c:pt>
                <c:pt idx="1456">
                  <c:v>41250</c:v>
                </c:pt>
                <c:pt idx="1457">
                  <c:v>41253</c:v>
                </c:pt>
                <c:pt idx="1458">
                  <c:v>41254</c:v>
                </c:pt>
                <c:pt idx="1459">
                  <c:v>41255</c:v>
                </c:pt>
                <c:pt idx="1460">
                  <c:v>41256</c:v>
                </c:pt>
                <c:pt idx="1461">
                  <c:v>41257</c:v>
                </c:pt>
                <c:pt idx="1462">
                  <c:v>41260</c:v>
                </c:pt>
                <c:pt idx="1463">
                  <c:v>41261</c:v>
                </c:pt>
                <c:pt idx="1464">
                  <c:v>41262</c:v>
                </c:pt>
                <c:pt idx="1465">
                  <c:v>41263</c:v>
                </c:pt>
                <c:pt idx="1466">
                  <c:v>41264</c:v>
                </c:pt>
                <c:pt idx="1467">
                  <c:v>41267</c:v>
                </c:pt>
                <c:pt idx="1468">
                  <c:v>41268</c:v>
                </c:pt>
                <c:pt idx="1469">
                  <c:v>41269</c:v>
                </c:pt>
                <c:pt idx="1470">
                  <c:v>41270</c:v>
                </c:pt>
                <c:pt idx="1471">
                  <c:v>41271</c:v>
                </c:pt>
                <c:pt idx="1472">
                  <c:v>41274</c:v>
                </c:pt>
                <c:pt idx="1473">
                  <c:v>41278</c:v>
                </c:pt>
                <c:pt idx="1474">
                  <c:v>41281</c:v>
                </c:pt>
                <c:pt idx="1475">
                  <c:v>41282</c:v>
                </c:pt>
                <c:pt idx="1476">
                  <c:v>41283</c:v>
                </c:pt>
                <c:pt idx="1477">
                  <c:v>41284</c:v>
                </c:pt>
                <c:pt idx="1478">
                  <c:v>41285</c:v>
                </c:pt>
                <c:pt idx="1479">
                  <c:v>41288</c:v>
                </c:pt>
                <c:pt idx="1480">
                  <c:v>41289</c:v>
                </c:pt>
                <c:pt idx="1481">
                  <c:v>41290</c:v>
                </c:pt>
                <c:pt idx="1482">
                  <c:v>41291</c:v>
                </c:pt>
                <c:pt idx="1483">
                  <c:v>41292</c:v>
                </c:pt>
                <c:pt idx="1484">
                  <c:v>41295</c:v>
                </c:pt>
                <c:pt idx="1485">
                  <c:v>41296</c:v>
                </c:pt>
                <c:pt idx="1486">
                  <c:v>41297</c:v>
                </c:pt>
                <c:pt idx="1487">
                  <c:v>41298</c:v>
                </c:pt>
                <c:pt idx="1488">
                  <c:v>41299</c:v>
                </c:pt>
                <c:pt idx="1489">
                  <c:v>41302</c:v>
                </c:pt>
                <c:pt idx="1490">
                  <c:v>41303</c:v>
                </c:pt>
                <c:pt idx="1491">
                  <c:v>41304</c:v>
                </c:pt>
                <c:pt idx="1492">
                  <c:v>41305</c:v>
                </c:pt>
                <c:pt idx="1493">
                  <c:v>41306</c:v>
                </c:pt>
                <c:pt idx="1494">
                  <c:v>41309</c:v>
                </c:pt>
                <c:pt idx="1495">
                  <c:v>41310</c:v>
                </c:pt>
                <c:pt idx="1496">
                  <c:v>41311</c:v>
                </c:pt>
                <c:pt idx="1497">
                  <c:v>41312</c:v>
                </c:pt>
                <c:pt idx="1498">
                  <c:v>41313</c:v>
                </c:pt>
                <c:pt idx="1499">
                  <c:v>41323</c:v>
                </c:pt>
                <c:pt idx="1500">
                  <c:v>41324</c:v>
                </c:pt>
                <c:pt idx="1501">
                  <c:v>41325</c:v>
                </c:pt>
                <c:pt idx="1502">
                  <c:v>41326</c:v>
                </c:pt>
                <c:pt idx="1503">
                  <c:v>41327</c:v>
                </c:pt>
                <c:pt idx="1504">
                  <c:v>41330</c:v>
                </c:pt>
                <c:pt idx="1505">
                  <c:v>41331</c:v>
                </c:pt>
                <c:pt idx="1506">
                  <c:v>41332</c:v>
                </c:pt>
                <c:pt idx="1507">
                  <c:v>41333</c:v>
                </c:pt>
                <c:pt idx="1508">
                  <c:v>41334</c:v>
                </c:pt>
                <c:pt idx="1509">
                  <c:v>41337</c:v>
                </c:pt>
                <c:pt idx="1510">
                  <c:v>41338</c:v>
                </c:pt>
                <c:pt idx="1511">
                  <c:v>41339</c:v>
                </c:pt>
                <c:pt idx="1512">
                  <c:v>41340</c:v>
                </c:pt>
                <c:pt idx="1513">
                  <c:v>41341</c:v>
                </c:pt>
                <c:pt idx="1514">
                  <c:v>41344</c:v>
                </c:pt>
                <c:pt idx="1515">
                  <c:v>41345</c:v>
                </c:pt>
                <c:pt idx="1516">
                  <c:v>41346</c:v>
                </c:pt>
                <c:pt idx="1517">
                  <c:v>41347</c:v>
                </c:pt>
                <c:pt idx="1518">
                  <c:v>41348</c:v>
                </c:pt>
                <c:pt idx="1519">
                  <c:v>41351</c:v>
                </c:pt>
                <c:pt idx="1520">
                  <c:v>41352</c:v>
                </c:pt>
                <c:pt idx="1521">
                  <c:v>41353</c:v>
                </c:pt>
                <c:pt idx="1522">
                  <c:v>41354</c:v>
                </c:pt>
                <c:pt idx="1523">
                  <c:v>41355</c:v>
                </c:pt>
                <c:pt idx="1524">
                  <c:v>41358</c:v>
                </c:pt>
                <c:pt idx="1525">
                  <c:v>41359</c:v>
                </c:pt>
                <c:pt idx="1526">
                  <c:v>41360</c:v>
                </c:pt>
                <c:pt idx="1527">
                  <c:v>41361</c:v>
                </c:pt>
                <c:pt idx="1528">
                  <c:v>41362</c:v>
                </c:pt>
                <c:pt idx="1529">
                  <c:v>41365</c:v>
                </c:pt>
                <c:pt idx="1530">
                  <c:v>41366</c:v>
                </c:pt>
                <c:pt idx="1531">
                  <c:v>41367</c:v>
                </c:pt>
                <c:pt idx="1532">
                  <c:v>41372</c:v>
                </c:pt>
                <c:pt idx="1533">
                  <c:v>41373</c:v>
                </c:pt>
                <c:pt idx="1534">
                  <c:v>41374</c:v>
                </c:pt>
                <c:pt idx="1535">
                  <c:v>41375</c:v>
                </c:pt>
                <c:pt idx="1536">
                  <c:v>41376</c:v>
                </c:pt>
                <c:pt idx="1537">
                  <c:v>41379</c:v>
                </c:pt>
                <c:pt idx="1538">
                  <c:v>41380</c:v>
                </c:pt>
                <c:pt idx="1539">
                  <c:v>41381</c:v>
                </c:pt>
                <c:pt idx="1540">
                  <c:v>41382</c:v>
                </c:pt>
                <c:pt idx="1541">
                  <c:v>41383</c:v>
                </c:pt>
                <c:pt idx="1542">
                  <c:v>41386</c:v>
                </c:pt>
                <c:pt idx="1543">
                  <c:v>41387</c:v>
                </c:pt>
                <c:pt idx="1544">
                  <c:v>41388</c:v>
                </c:pt>
                <c:pt idx="1545">
                  <c:v>41389</c:v>
                </c:pt>
                <c:pt idx="1546">
                  <c:v>41390</c:v>
                </c:pt>
                <c:pt idx="1547">
                  <c:v>41396</c:v>
                </c:pt>
                <c:pt idx="1548">
                  <c:v>41397</c:v>
                </c:pt>
                <c:pt idx="1549">
                  <c:v>41400</c:v>
                </c:pt>
                <c:pt idx="1550">
                  <c:v>41401</c:v>
                </c:pt>
                <c:pt idx="1551">
                  <c:v>41402</c:v>
                </c:pt>
                <c:pt idx="1552">
                  <c:v>41403</c:v>
                </c:pt>
                <c:pt idx="1553">
                  <c:v>41404</c:v>
                </c:pt>
                <c:pt idx="1554">
                  <c:v>41407</c:v>
                </c:pt>
                <c:pt idx="1555">
                  <c:v>41408</c:v>
                </c:pt>
                <c:pt idx="1556">
                  <c:v>41409</c:v>
                </c:pt>
                <c:pt idx="1557">
                  <c:v>41410</c:v>
                </c:pt>
                <c:pt idx="1558">
                  <c:v>41411</c:v>
                </c:pt>
                <c:pt idx="1559">
                  <c:v>41414</c:v>
                </c:pt>
                <c:pt idx="1560">
                  <c:v>41415</c:v>
                </c:pt>
                <c:pt idx="1561">
                  <c:v>41416</c:v>
                </c:pt>
                <c:pt idx="1562">
                  <c:v>41417</c:v>
                </c:pt>
                <c:pt idx="1563">
                  <c:v>41418</c:v>
                </c:pt>
                <c:pt idx="1564">
                  <c:v>41421</c:v>
                </c:pt>
                <c:pt idx="1565">
                  <c:v>41422</c:v>
                </c:pt>
                <c:pt idx="1566">
                  <c:v>41423</c:v>
                </c:pt>
                <c:pt idx="1567">
                  <c:v>41424</c:v>
                </c:pt>
                <c:pt idx="1568">
                  <c:v>41425</c:v>
                </c:pt>
                <c:pt idx="1569">
                  <c:v>41428</c:v>
                </c:pt>
                <c:pt idx="1570">
                  <c:v>41429</c:v>
                </c:pt>
                <c:pt idx="1571">
                  <c:v>41430</c:v>
                </c:pt>
                <c:pt idx="1572">
                  <c:v>41431</c:v>
                </c:pt>
                <c:pt idx="1573">
                  <c:v>41432</c:v>
                </c:pt>
                <c:pt idx="1574">
                  <c:v>41438</c:v>
                </c:pt>
                <c:pt idx="1575">
                  <c:v>41439</c:v>
                </c:pt>
                <c:pt idx="1576">
                  <c:v>41442</c:v>
                </c:pt>
                <c:pt idx="1577">
                  <c:v>41443</c:v>
                </c:pt>
                <c:pt idx="1578">
                  <c:v>41444</c:v>
                </c:pt>
                <c:pt idx="1579">
                  <c:v>41445</c:v>
                </c:pt>
                <c:pt idx="1580">
                  <c:v>41446</c:v>
                </c:pt>
                <c:pt idx="1581">
                  <c:v>41449</c:v>
                </c:pt>
                <c:pt idx="1582">
                  <c:v>41450</c:v>
                </c:pt>
                <c:pt idx="1583">
                  <c:v>41451</c:v>
                </c:pt>
                <c:pt idx="1584">
                  <c:v>41452</c:v>
                </c:pt>
                <c:pt idx="1585">
                  <c:v>41453</c:v>
                </c:pt>
                <c:pt idx="1586">
                  <c:v>41456</c:v>
                </c:pt>
                <c:pt idx="1587">
                  <c:v>41457</c:v>
                </c:pt>
                <c:pt idx="1588">
                  <c:v>41458</c:v>
                </c:pt>
                <c:pt idx="1589">
                  <c:v>41459</c:v>
                </c:pt>
                <c:pt idx="1590">
                  <c:v>41460</c:v>
                </c:pt>
                <c:pt idx="1591">
                  <c:v>41463</c:v>
                </c:pt>
                <c:pt idx="1592">
                  <c:v>41464</c:v>
                </c:pt>
                <c:pt idx="1593">
                  <c:v>41465</c:v>
                </c:pt>
                <c:pt idx="1594">
                  <c:v>41466</c:v>
                </c:pt>
                <c:pt idx="1595">
                  <c:v>41467</c:v>
                </c:pt>
                <c:pt idx="1596">
                  <c:v>41470</c:v>
                </c:pt>
                <c:pt idx="1597">
                  <c:v>41471</c:v>
                </c:pt>
                <c:pt idx="1598">
                  <c:v>41472</c:v>
                </c:pt>
                <c:pt idx="1599">
                  <c:v>41473</c:v>
                </c:pt>
                <c:pt idx="1600">
                  <c:v>41474</c:v>
                </c:pt>
                <c:pt idx="1601">
                  <c:v>41477</c:v>
                </c:pt>
                <c:pt idx="1602">
                  <c:v>41478</c:v>
                </c:pt>
                <c:pt idx="1603">
                  <c:v>41479</c:v>
                </c:pt>
                <c:pt idx="1604">
                  <c:v>41480</c:v>
                </c:pt>
                <c:pt idx="1605">
                  <c:v>41481</c:v>
                </c:pt>
                <c:pt idx="1606">
                  <c:v>41484</c:v>
                </c:pt>
                <c:pt idx="1607">
                  <c:v>41485</c:v>
                </c:pt>
                <c:pt idx="1608">
                  <c:v>41486</c:v>
                </c:pt>
                <c:pt idx="1609">
                  <c:v>41487</c:v>
                </c:pt>
                <c:pt idx="1610">
                  <c:v>41488</c:v>
                </c:pt>
                <c:pt idx="1611">
                  <c:v>41491</c:v>
                </c:pt>
                <c:pt idx="1612">
                  <c:v>41492</c:v>
                </c:pt>
                <c:pt idx="1613">
                  <c:v>41493</c:v>
                </c:pt>
                <c:pt idx="1614">
                  <c:v>41494</c:v>
                </c:pt>
                <c:pt idx="1615">
                  <c:v>41495</c:v>
                </c:pt>
                <c:pt idx="1616">
                  <c:v>41498</c:v>
                </c:pt>
                <c:pt idx="1617">
                  <c:v>41499</c:v>
                </c:pt>
                <c:pt idx="1618">
                  <c:v>41500</c:v>
                </c:pt>
                <c:pt idx="1619">
                  <c:v>41501</c:v>
                </c:pt>
                <c:pt idx="1620">
                  <c:v>41502</c:v>
                </c:pt>
                <c:pt idx="1621">
                  <c:v>41505</c:v>
                </c:pt>
                <c:pt idx="1622">
                  <c:v>41506</c:v>
                </c:pt>
                <c:pt idx="1623">
                  <c:v>41507</c:v>
                </c:pt>
                <c:pt idx="1624">
                  <c:v>41508</c:v>
                </c:pt>
                <c:pt idx="1625">
                  <c:v>41509</c:v>
                </c:pt>
                <c:pt idx="1626">
                  <c:v>41512</c:v>
                </c:pt>
                <c:pt idx="1627">
                  <c:v>41513</c:v>
                </c:pt>
                <c:pt idx="1628">
                  <c:v>41514</c:v>
                </c:pt>
                <c:pt idx="1629">
                  <c:v>41515</c:v>
                </c:pt>
                <c:pt idx="1630">
                  <c:v>41516</c:v>
                </c:pt>
                <c:pt idx="1631">
                  <c:v>41519</c:v>
                </c:pt>
                <c:pt idx="1632">
                  <c:v>41520</c:v>
                </c:pt>
                <c:pt idx="1633">
                  <c:v>41521</c:v>
                </c:pt>
                <c:pt idx="1634">
                  <c:v>41522</c:v>
                </c:pt>
                <c:pt idx="1635">
                  <c:v>41523</c:v>
                </c:pt>
                <c:pt idx="1636">
                  <c:v>41526</c:v>
                </c:pt>
                <c:pt idx="1637">
                  <c:v>41527</c:v>
                </c:pt>
                <c:pt idx="1638">
                  <c:v>41528</c:v>
                </c:pt>
                <c:pt idx="1639">
                  <c:v>41529</c:v>
                </c:pt>
                <c:pt idx="1640">
                  <c:v>41530</c:v>
                </c:pt>
                <c:pt idx="1641">
                  <c:v>41533</c:v>
                </c:pt>
                <c:pt idx="1642">
                  <c:v>41534</c:v>
                </c:pt>
                <c:pt idx="1643">
                  <c:v>41535</c:v>
                </c:pt>
                <c:pt idx="1644">
                  <c:v>41540</c:v>
                </c:pt>
                <c:pt idx="1645">
                  <c:v>41541</c:v>
                </c:pt>
                <c:pt idx="1646">
                  <c:v>41542</c:v>
                </c:pt>
                <c:pt idx="1647">
                  <c:v>41543</c:v>
                </c:pt>
                <c:pt idx="1648">
                  <c:v>41544</c:v>
                </c:pt>
                <c:pt idx="1649">
                  <c:v>41547</c:v>
                </c:pt>
                <c:pt idx="1650">
                  <c:v>41555</c:v>
                </c:pt>
                <c:pt idx="1651">
                  <c:v>41556</c:v>
                </c:pt>
                <c:pt idx="1652">
                  <c:v>41557</c:v>
                </c:pt>
                <c:pt idx="1653">
                  <c:v>41558</c:v>
                </c:pt>
                <c:pt idx="1654">
                  <c:v>41561</c:v>
                </c:pt>
                <c:pt idx="1655">
                  <c:v>41562</c:v>
                </c:pt>
                <c:pt idx="1656">
                  <c:v>41563</c:v>
                </c:pt>
                <c:pt idx="1657">
                  <c:v>41564</c:v>
                </c:pt>
                <c:pt idx="1658">
                  <c:v>41565</c:v>
                </c:pt>
                <c:pt idx="1659">
                  <c:v>41568</c:v>
                </c:pt>
                <c:pt idx="1660">
                  <c:v>41569</c:v>
                </c:pt>
                <c:pt idx="1661">
                  <c:v>41570</c:v>
                </c:pt>
                <c:pt idx="1662">
                  <c:v>41571</c:v>
                </c:pt>
                <c:pt idx="1663">
                  <c:v>41572</c:v>
                </c:pt>
                <c:pt idx="1664">
                  <c:v>41575</c:v>
                </c:pt>
                <c:pt idx="1665">
                  <c:v>41576</c:v>
                </c:pt>
                <c:pt idx="1666">
                  <c:v>41577</c:v>
                </c:pt>
                <c:pt idx="1667">
                  <c:v>41578</c:v>
                </c:pt>
                <c:pt idx="1668">
                  <c:v>41579</c:v>
                </c:pt>
                <c:pt idx="1669">
                  <c:v>41582</c:v>
                </c:pt>
                <c:pt idx="1670">
                  <c:v>41583</c:v>
                </c:pt>
                <c:pt idx="1671">
                  <c:v>41584</c:v>
                </c:pt>
                <c:pt idx="1672">
                  <c:v>41585</c:v>
                </c:pt>
                <c:pt idx="1673">
                  <c:v>41586</c:v>
                </c:pt>
                <c:pt idx="1674">
                  <c:v>41589</c:v>
                </c:pt>
                <c:pt idx="1675">
                  <c:v>41590</c:v>
                </c:pt>
                <c:pt idx="1676">
                  <c:v>41591</c:v>
                </c:pt>
                <c:pt idx="1677">
                  <c:v>41592</c:v>
                </c:pt>
                <c:pt idx="1678">
                  <c:v>41593</c:v>
                </c:pt>
                <c:pt idx="1679">
                  <c:v>41596</c:v>
                </c:pt>
                <c:pt idx="1680">
                  <c:v>41597</c:v>
                </c:pt>
                <c:pt idx="1681">
                  <c:v>41598</c:v>
                </c:pt>
                <c:pt idx="1682">
                  <c:v>41599</c:v>
                </c:pt>
                <c:pt idx="1683">
                  <c:v>41600</c:v>
                </c:pt>
                <c:pt idx="1684">
                  <c:v>41603</c:v>
                </c:pt>
                <c:pt idx="1685">
                  <c:v>41604</c:v>
                </c:pt>
                <c:pt idx="1686">
                  <c:v>41605</c:v>
                </c:pt>
                <c:pt idx="1687">
                  <c:v>41606</c:v>
                </c:pt>
                <c:pt idx="1688">
                  <c:v>41607</c:v>
                </c:pt>
                <c:pt idx="1689">
                  <c:v>41610</c:v>
                </c:pt>
                <c:pt idx="1690">
                  <c:v>41611</c:v>
                </c:pt>
                <c:pt idx="1691">
                  <c:v>41612</c:v>
                </c:pt>
                <c:pt idx="1692">
                  <c:v>41613</c:v>
                </c:pt>
                <c:pt idx="1693">
                  <c:v>41614</c:v>
                </c:pt>
                <c:pt idx="1694">
                  <c:v>41617</c:v>
                </c:pt>
                <c:pt idx="1695">
                  <c:v>41618</c:v>
                </c:pt>
                <c:pt idx="1696">
                  <c:v>41619</c:v>
                </c:pt>
                <c:pt idx="1697">
                  <c:v>41620</c:v>
                </c:pt>
                <c:pt idx="1698">
                  <c:v>41621</c:v>
                </c:pt>
                <c:pt idx="1699">
                  <c:v>41624</c:v>
                </c:pt>
                <c:pt idx="1700">
                  <c:v>41625</c:v>
                </c:pt>
                <c:pt idx="1701">
                  <c:v>41626</c:v>
                </c:pt>
                <c:pt idx="1702">
                  <c:v>41627</c:v>
                </c:pt>
                <c:pt idx="1703">
                  <c:v>41628</c:v>
                </c:pt>
                <c:pt idx="1704">
                  <c:v>41631</c:v>
                </c:pt>
                <c:pt idx="1705">
                  <c:v>41632</c:v>
                </c:pt>
                <c:pt idx="1706">
                  <c:v>41633</c:v>
                </c:pt>
                <c:pt idx="1707">
                  <c:v>41634</c:v>
                </c:pt>
                <c:pt idx="1708">
                  <c:v>41635</c:v>
                </c:pt>
                <c:pt idx="1709">
                  <c:v>41638</c:v>
                </c:pt>
                <c:pt idx="1710">
                  <c:v>41639</c:v>
                </c:pt>
                <c:pt idx="1711">
                  <c:v>41641</c:v>
                </c:pt>
                <c:pt idx="1712">
                  <c:v>41642</c:v>
                </c:pt>
                <c:pt idx="1713">
                  <c:v>41645</c:v>
                </c:pt>
                <c:pt idx="1714">
                  <c:v>41646</c:v>
                </c:pt>
                <c:pt idx="1715">
                  <c:v>41647</c:v>
                </c:pt>
                <c:pt idx="1716">
                  <c:v>41648</c:v>
                </c:pt>
                <c:pt idx="1717">
                  <c:v>41649</c:v>
                </c:pt>
                <c:pt idx="1718">
                  <c:v>41652</c:v>
                </c:pt>
                <c:pt idx="1719">
                  <c:v>41653</c:v>
                </c:pt>
                <c:pt idx="1720">
                  <c:v>41654</c:v>
                </c:pt>
                <c:pt idx="1721">
                  <c:v>41655</c:v>
                </c:pt>
                <c:pt idx="1722">
                  <c:v>41656</c:v>
                </c:pt>
                <c:pt idx="1723">
                  <c:v>41659</c:v>
                </c:pt>
                <c:pt idx="1724">
                  <c:v>41660</c:v>
                </c:pt>
                <c:pt idx="1725">
                  <c:v>41661</c:v>
                </c:pt>
                <c:pt idx="1726">
                  <c:v>41662</c:v>
                </c:pt>
                <c:pt idx="1727">
                  <c:v>41663</c:v>
                </c:pt>
                <c:pt idx="1728">
                  <c:v>41666</c:v>
                </c:pt>
                <c:pt idx="1729">
                  <c:v>41667</c:v>
                </c:pt>
                <c:pt idx="1730">
                  <c:v>41668</c:v>
                </c:pt>
                <c:pt idx="1731">
                  <c:v>41669</c:v>
                </c:pt>
                <c:pt idx="1732">
                  <c:v>41677</c:v>
                </c:pt>
                <c:pt idx="1733">
                  <c:v>41680</c:v>
                </c:pt>
                <c:pt idx="1734">
                  <c:v>41681</c:v>
                </c:pt>
                <c:pt idx="1735">
                  <c:v>41682</c:v>
                </c:pt>
                <c:pt idx="1736">
                  <c:v>41683</c:v>
                </c:pt>
                <c:pt idx="1737">
                  <c:v>41684</c:v>
                </c:pt>
                <c:pt idx="1738">
                  <c:v>41687</c:v>
                </c:pt>
                <c:pt idx="1739">
                  <c:v>41688</c:v>
                </c:pt>
                <c:pt idx="1740">
                  <c:v>41689</c:v>
                </c:pt>
                <c:pt idx="1741">
                  <c:v>41690</c:v>
                </c:pt>
                <c:pt idx="1742">
                  <c:v>41691</c:v>
                </c:pt>
                <c:pt idx="1743">
                  <c:v>41694</c:v>
                </c:pt>
                <c:pt idx="1744">
                  <c:v>41695</c:v>
                </c:pt>
                <c:pt idx="1745">
                  <c:v>41696</c:v>
                </c:pt>
                <c:pt idx="1746">
                  <c:v>41697</c:v>
                </c:pt>
                <c:pt idx="1747">
                  <c:v>41698</c:v>
                </c:pt>
                <c:pt idx="1748">
                  <c:v>41701</c:v>
                </c:pt>
                <c:pt idx="1749">
                  <c:v>41702</c:v>
                </c:pt>
                <c:pt idx="1750">
                  <c:v>41703</c:v>
                </c:pt>
                <c:pt idx="1751">
                  <c:v>41704</c:v>
                </c:pt>
                <c:pt idx="1752">
                  <c:v>41705</c:v>
                </c:pt>
                <c:pt idx="1753">
                  <c:v>41708</c:v>
                </c:pt>
                <c:pt idx="1754">
                  <c:v>41709</c:v>
                </c:pt>
                <c:pt idx="1755">
                  <c:v>41710</c:v>
                </c:pt>
                <c:pt idx="1756">
                  <c:v>41711</c:v>
                </c:pt>
                <c:pt idx="1757">
                  <c:v>41712</c:v>
                </c:pt>
                <c:pt idx="1758">
                  <c:v>41715</c:v>
                </c:pt>
                <c:pt idx="1759">
                  <c:v>41716</c:v>
                </c:pt>
                <c:pt idx="1760">
                  <c:v>41717</c:v>
                </c:pt>
                <c:pt idx="1761">
                  <c:v>41718</c:v>
                </c:pt>
                <c:pt idx="1762">
                  <c:v>41719</c:v>
                </c:pt>
                <c:pt idx="1763">
                  <c:v>41722</c:v>
                </c:pt>
                <c:pt idx="1764">
                  <c:v>41723</c:v>
                </c:pt>
                <c:pt idx="1765">
                  <c:v>41724</c:v>
                </c:pt>
                <c:pt idx="1766">
                  <c:v>41725</c:v>
                </c:pt>
                <c:pt idx="1767">
                  <c:v>41726</c:v>
                </c:pt>
                <c:pt idx="1768">
                  <c:v>41729</c:v>
                </c:pt>
                <c:pt idx="1769">
                  <c:v>41730</c:v>
                </c:pt>
                <c:pt idx="1770">
                  <c:v>41731</c:v>
                </c:pt>
                <c:pt idx="1771">
                  <c:v>41732</c:v>
                </c:pt>
                <c:pt idx="1772">
                  <c:v>41733</c:v>
                </c:pt>
                <c:pt idx="1773">
                  <c:v>41737</c:v>
                </c:pt>
                <c:pt idx="1774">
                  <c:v>41738</c:v>
                </c:pt>
                <c:pt idx="1775">
                  <c:v>41739</c:v>
                </c:pt>
                <c:pt idx="1776">
                  <c:v>41740</c:v>
                </c:pt>
                <c:pt idx="1777">
                  <c:v>41743</c:v>
                </c:pt>
                <c:pt idx="1778">
                  <c:v>41744</c:v>
                </c:pt>
                <c:pt idx="1779">
                  <c:v>41745</c:v>
                </c:pt>
                <c:pt idx="1780">
                  <c:v>41746</c:v>
                </c:pt>
                <c:pt idx="1781">
                  <c:v>41747</c:v>
                </c:pt>
                <c:pt idx="1782">
                  <c:v>41750</c:v>
                </c:pt>
                <c:pt idx="1783">
                  <c:v>41751</c:v>
                </c:pt>
                <c:pt idx="1784">
                  <c:v>41752</c:v>
                </c:pt>
                <c:pt idx="1785">
                  <c:v>41753</c:v>
                </c:pt>
                <c:pt idx="1786">
                  <c:v>41754</c:v>
                </c:pt>
                <c:pt idx="1787">
                  <c:v>41757</c:v>
                </c:pt>
                <c:pt idx="1788">
                  <c:v>41758</c:v>
                </c:pt>
                <c:pt idx="1789">
                  <c:v>41759</c:v>
                </c:pt>
                <c:pt idx="1790">
                  <c:v>41764</c:v>
                </c:pt>
                <c:pt idx="1791">
                  <c:v>41765</c:v>
                </c:pt>
                <c:pt idx="1792">
                  <c:v>41766</c:v>
                </c:pt>
                <c:pt idx="1793">
                  <c:v>41767</c:v>
                </c:pt>
                <c:pt idx="1794">
                  <c:v>41768</c:v>
                </c:pt>
                <c:pt idx="1795">
                  <c:v>41771</c:v>
                </c:pt>
                <c:pt idx="1796">
                  <c:v>41772</c:v>
                </c:pt>
                <c:pt idx="1797">
                  <c:v>41773</c:v>
                </c:pt>
                <c:pt idx="1798">
                  <c:v>41774</c:v>
                </c:pt>
                <c:pt idx="1799">
                  <c:v>41775</c:v>
                </c:pt>
                <c:pt idx="1800">
                  <c:v>41778</c:v>
                </c:pt>
                <c:pt idx="1801">
                  <c:v>41779</c:v>
                </c:pt>
                <c:pt idx="1802">
                  <c:v>41780</c:v>
                </c:pt>
                <c:pt idx="1803">
                  <c:v>41781</c:v>
                </c:pt>
                <c:pt idx="1804">
                  <c:v>41782</c:v>
                </c:pt>
                <c:pt idx="1805">
                  <c:v>41785</c:v>
                </c:pt>
                <c:pt idx="1806">
                  <c:v>41786</c:v>
                </c:pt>
                <c:pt idx="1807">
                  <c:v>41787</c:v>
                </c:pt>
                <c:pt idx="1808">
                  <c:v>41788</c:v>
                </c:pt>
                <c:pt idx="1809">
                  <c:v>41789</c:v>
                </c:pt>
                <c:pt idx="1810">
                  <c:v>41793</c:v>
                </c:pt>
                <c:pt idx="1811">
                  <c:v>41794</c:v>
                </c:pt>
                <c:pt idx="1812">
                  <c:v>41795</c:v>
                </c:pt>
                <c:pt idx="1813">
                  <c:v>41796</c:v>
                </c:pt>
                <c:pt idx="1814">
                  <c:v>41799</c:v>
                </c:pt>
                <c:pt idx="1815">
                  <c:v>41800</c:v>
                </c:pt>
                <c:pt idx="1816">
                  <c:v>41801</c:v>
                </c:pt>
                <c:pt idx="1817">
                  <c:v>41802</c:v>
                </c:pt>
                <c:pt idx="1818">
                  <c:v>41803</c:v>
                </c:pt>
                <c:pt idx="1819">
                  <c:v>41806</c:v>
                </c:pt>
                <c:pt idx="1820">
                  <c:v>41807</c:v>
                </c:pt>
                <c:pt idx="1821">
                  <c:v>41808</c:v>
                </c:pt>
                <c:pt idx="1822">
                  <c:v>41809</c:v>
                </c:pt>
                <c:pt idx="1823">
                  <c:v>41810</c:v>
                </c:pt>
                <c:pt idx="1824">
                  <c:v>41813</c:v>
                </c:pt>
                <c:pt idx="1825">
                  <c:v>41814</c:v>
                </c:pt>
                <c:pt idx="1826">
                  <c:v>41815</c:v>
                </c:pt>
                <c:pt idx="1827">
                  <c:v>41816</c:v>
                </c:pt>
                <c:pt idx="1828">
                  <c:v>41817</c:v>
                </c:pt>
                <c:pt idx="1829">
                  <c:v>41820</c:v>
                </c:pt>
                <c:pt idx="1830">
                  <c:v>41821</c:v>
                </c:pt>
                <c:pt idx="1831">
                  <c:v>41822</c:v>
                </c:pt>
                <c:pt idx="1832">
                  <c:v>41823</c:v>
                </c:pt>
                <c:pt idx="1833">
                  <c:v>41824</c:v>
                </c:pt>
                <c:pt idx="1834">
                  <c:v>41827</c:v>
                </c:pt>
                <c:pt idx="1835">
                  <c:v>41828</c:v>
                </c:pt>
                <c:pt idx="1836">
                  <c:v>41829</c:v>
                </c:pt>
                <c:pt idx="1837">
                  <c:v>41830</c:v>
                </c:pt>
                <c:pt idx="1838">
                  <c:v>41831</c:v>
                </c:pt>
                <c:pt idx="1839">
                  <c:v>41834</c:v>
                </c:pt>
                <c:pt idx="1840">
                  <c:v>41835</c:v>
                </c:pt>
                <c:pt idx="1841">
                  <c:v>41836</c:v>
                </c:pt>
                <c:pt idx="1842">
                  <c:v>41837</c:v>
                </c:pt>
                <c:pt idx="1843">
                  <c:v>41838</c:v>
                </c:pt>
                <c:pt idx="1844">
                  <c:v>41841</c:v>
                </c:pt>
                <c:pt idx="1845">
                  <c:v>41842</c:v>
                </c:pt>
                <c:pt idx="1846">
                  <c:v>41843</c:v>
                </c:pt>
                <c:pt idx="1847">
                  <c:v>41844</c:v>
                </c:pt>
                <c:pt idx="1848">
                  <c:v>41845</c:v>
                </c:pt>
                <c:pt idx="1849">
                  <c:v>41848</c:v>
                </c:pt>
                <c:pt idx="1850">
                  <c:v>41849</c:v>
                </c:pt>
                <c:pt idx="1851">
                  <c:v>41850</c:v>
                </c:pt>
                <c:pt idx="1852">
                  <c:v>41851</c:v>
                </c:pt>
                <c:pt idx="1853">
                  <c:v>41852</c:v>
                </c:pt>
                <c:pt idx="1854">
                  <c:v>41855</c:v>
                </c:pt>
                <c:pt idx="1855">
                  <c:v>41856</c:v>
                </c:pt>
                <c:pt idx="1856">
                  <c:v>41857</c:v>
                </c:pt>
                <c:pt idx="1857">
                  <c:v>41858</c:v>
                </c:pt>
                <c:pt idx="1858">
                  <c:v>41859</c:v>
                </c:pt>
                <c:pt idx="1859">
                  <c:v>41862</c:v>
                </c:pt>
                <c:pt idx="1860">
                  <c:v>41863</c:v>
                </c:pt>
                <c:pt idx="1861">
                  <c:v>41864</c:v>
                </c:pt>
                <c:pt idx="1862">
                  <c:v>41865</c:v>
                </c:pt>
                <c:pt idx="1863">
                  <c:v>41866</c:v>
                </c:pt>
                <c:pt idx="1864">
                  <c:v>41869</c:v>
                </c:pt>
                <c:pt idx="1865">
                  <c:v>41870</c:v>
                </c:pt>
                <c:pt idx="1866">
                  <c:v>41871</c:v>
                </c:pt>
                <c:pt idx="1867">
                  <c:v>41872</c:v>
                </c:pt>
                <c:pt idx="1868">
                  <c:v>41873</c:v>
                </c:pt>
                <c:pt idx="1869">
                  <c:v>41876</c:v>
                </c:pt>
                <c:pt idx="1870">
                  <c:v>41877</c:v>
                </c:pt>
                <c:pt idx="1871">
                  <c:v>41878</c:v>
                </c:pt>
                <c:pt idx="1872">
                  <c:v>41879</c:v>
                </c:pt>
                <c:pt idx="1873">
                  <c:v>41880</c:v>
                </c:pt>
                <c:pt idx="1874">
                  <c:v>41883</c:v>
                </c:pt>
                <c:pt idx="1875">
                  <c:v>41884</c:v>
                </c:pt>
                <c:pt idx="1876">
                  <c:v>41885</c:v>
                </c:pt>
                <c:pt idx="1877">
                  <c:v>41886</c:v>
                </c:pt>
                <c:pt idx="1878">
                  <c:v>41887</c:v>
                </c:pt>
                <c:pt idx="1879">
                  <c:v>41891</c:v>
                </c:pt>
                <c:pt idx="1880">
                  <c:v>41892</c:v>
                </c:pt>
                <c:pt idx="1881">
                  <c:v>41893</c:v>
                </c:pt>
                <c:pt idx="1882">
                  <c:v>41894</c:v>
                </c:pt>
                <c:pt idx="1883">
                  <c:v>41897</c:v>
                </c:pt>
                <c:pt idx="1884">
                  <c:v>41898</c:v>
                </c:pt>
                <c:pt idx="1885">
                  <c:v>41899</c:v>
                </c:pt>
                <c:pt idx="1886">
                  <c:v>41900</c:v>
                </c:pt>
                <c:pt idx="1887">
                  <c:v>41901</c:v>
                </c:pt>
                <c:pt idx="1888">
                  <c:v>41904</c:v>
                </c:pt>
                <c:pt idx="1889">
                  <c:v>41905</c:v>
                </c:pt>
                <c:pt idx="1890">
                  <c:v>41906</c:v>
                </c:pt>
                <c:pt idx="1891">
                  <c:v>41907</c:v>
                </c:pt>
                <c:pt idx="1892">
                  <c:v>41908</c:v>
                </c:pt>
                <c:pt idx="1893">
                  <c:v>41911</c:v>
                </c:pt>
                <c:pt idx="1894">
                  <c:v>41912</c:v>
                </c:pt>
                <c:pt idx="1895">
                  <c:v>41920</c:v>
                </c:pt>
                <c:pt idx="1896">
                  <c:v>41921</c:v>
                </c:pt>
                <c:pt idx="1897">
                  <c:v>41922</c:v>
                </c:pt>
                <c:pt idx="1898">
                  <c:v>41925</c:v>
                </c:pt>
                <c:pt idx="1899">
                  <c:v>41926</c:v>
                </c:pt>
                <c:pt idx="1900">
                  <c:v>41927</c:v>
                </c:pt>
                <c:pt idx="1901">
                  <c:v>41928</c:v>
                </c:pt>
                <c:pt idx="1902">
                  <c:v>41929</c:v>
                </c:pt>
                <c:pt idx="1903">
                  <c:v>41932</c:v>
                </c:pt>
                <c:pt idx="1904">
                  <c:v>41933</c:v>
                </c:pt>
                <c:pt idx="1905">
                  <c:v>41934</c:v>
                </c:pt>
                <c:pt idx="1906">
                  <c:v>41935</c:v>
                </c:pt>
                <c:pt idx="1907">
                  <c:v>41936</c:v>
                </c:pt>
                <c:pt idx="1908">
                  <c:v>41939</c:v>
                </c:pt>
                <c:pt idx="1909">
                  <c:v>41940</c:v>
                </c:pt>
                <c:pt idx="1910">
                  <c:v>41941</c:v>
                </c:pt>
                <c:pt idx="1911">
                  <c:v>41942</c:v>
                </c:pt>
                <c:pt idx="1912">
                  <c:v>41943</c:v>
                </c:pt>
                <c:pt idx="1913">
                  <c:v>41946</c:v>
                </c:pt>
                <c:pt idx="1914">
                  <c:v>41947</c:v>
                </c:pt>
                <c:pt idx="1915">
                  <c:v>41948</c:v>
                </c:pt>
                <c:pt idx="1916">
                  <c:v>41949</c:v>
                </c:pt>
                <c:pt idx="1917">
                  <c:v>41950</c:v>
                </c:pt>
                <c:pt idx="1918">
                  <c:v>41953</c:v>
                </c:pt>
                <c:pt idx="1919">
                  <c:v>41954</c:v>
                </c:pt>
                <c:pt idx="1920">
                  <c:v>41955</c:v>
                </c:pt>
                <c:pt idx="1921">
                  <c:v>41956</c:v>
                </c:pt>
                <c:pt idx="1922">
                  <c:v>41957</c:v>
                </c:pt>
                <c:pt idx="1923">
                  <c:v>41960</c:v>
                </c:pt>
                <c:pt idx="1924">
                  <c:v>41961</c:v>
                </c:pt>
                <c:pt idx="1925">
                  <c:v>41962</c:v>
                </c:pt>
                <c:pt idx="1926">
                  <c:v>41963</c:v>
                </c:pt>
                <c:pt idx="1927">
                  <c:v>41964</c:v>
                </c:pt>
                <c:pt idx="1928">
                  <c:v>41967</c:v>
                </c:pt>
                <c:pt idx="1929">
                  <c:v>41968</c:v>
                </c:pt>
                <c:pt idx="1930">
                  <c:v>41969</c:v>
                </c:pt>
                <c:pt idx="1931">
                  <c:v>41970</c:v>
                </c:pt>
                <c:pt idx="1932">
                  <c:v>41971</c:v>
                </c:pt>
                <c:pt idx="1933">
                  <c:v>41974</c:v>
                </c:pt>
                <c:pt idx="1934">
                  <c:v>41975</c:v>
                </c:pt>
                <c:pt idx="1935">
                  <c:v>41976</c:v>
                </c:pt>
                <c:pt idx="1936">
                  <c:v>41977</c:v>
                </c:pt>
                <c:pt idx="1937">
                  <c:v>41978</c:v>
                </c:pt>
                <c:pt idx="1938">
                  <c:v>41981</c:v>
                </c:pt>
                <c:pt idx="1939">
                  <c:v>41982</c:v>
                </c:pt>
                <c:pt idx="1940">
                  <c:v>41983</c:v>
                </c:pt>
                <c:pt idx="1941">
                  <c:v>41984</c:v>
                </c:pt>
                <c:pt idx="1942">
                  <c:v>41985</c:v>
                </c:pt>
                <c:pt idx="1943">
                  <c:v>41988</c:v>
                </c:pt>
                <c:pt idx="1944">
                  <c:v>41989</c:v>
                </c:pt>
                <c:pt idx="1945">
                  <c:v>41990</c:v>
                </c:pt>
                <c:pt idx="1946">
                  <c:v>41991</c:v>
                </c:pt>
                <c:pt idx="1947">
                  <c:v>41992</c:v>
                </c:pt>
                <c:pt idx="1948">
                  <c:v>41995</c:v>
                </c:pt>
                <c:pt idx="1949">
                  <c:v>41996</c:v>
                </c:pt>
                <c:pt idx="1950">
                  <c:v>41997</c:v>
                </c:pt>
                <c:pt idx="1951">
                  <c:v>41998</c:v>
                </c:pt>
                <c:pt idx="1952">
                  <c:v>41999</c:v>
                </c:pt>
                <c:pt idx="1953">
                  <c:v>42002</c:v>
                </c:pt>
                <c:pt idx="1954">
                  <c:v>42003</c:v>
                </c:pt>
                <c:pt idx="1955">
                  <c:v>42004</c:v>
                </c:pt>
                <c:pt idx="1956">
                  <c:v>42009</c:v>
                </c:pt>
                <c:pt idx="1957">
                  <c:v>42010</c:v>
                </c:pt>
                <c:pt idx="1958">
                  <c:v>42011</c:v>
                </c:pt>
                <c:pt idx="1959">
                  <c:v>42012</c:v>
                </c:pt>
                <c:pt idx="1960">
                  <c:v>42013</c:v>
                </c:pt>
                <c:pt idx="1961">
                  <c:v>42016</c:v>
                </c:pt>
                <c:pt idx="1962">
                  <c:v>42017</c:v>
                </c:pt>
                <c:pt idx="1963">
                  <c:v>42018</c:v>
                </c:pt>
                <c:pt idx="1964">
                  <c:v>42019</c:v>
                </c:pt>
                <c:pt idx="1965">
                  <c:v>42020</c:v>
                </c:pt>
                <c:pt idx="1966">
                  <c:v>42023</c:v>
                </c:pt>
                <c:pt idx="1967">
                  <c:v>42024</c:v>
                </c:pt>
                <c:pt idx="1968">
                  <c:v>42025</c:v>
                </c:pt>
                <c:pt idx="1969">
                  <c:v>42026</c:v>
                </c:pt>
                <c:pt idx="1970">
                  <c:v>42027</c:v>
                </c:pt>
                <c:pt idx="1971">
                  <c:v>42030</c:v>
                </c:pt>
                <c:pt idx="1972">
                  <c:v>42031</c:v>
                </c:pt>
                <c:pt idx="1973">
                  <c:v>42032</c:v>
                </c:pt>
                <c:pt idx="1974">
                  <c:v>42033</c:v>
                </c:pt>
                <c:pt idx="1975">
                  <c:v>42034</c:v>
                </c:pt>
                <c:pt idx="1976">
                  <c:v>42037</c:v>
                </c:pt>
                <c:pt idx="1977">
                  <c:v>42038</c:v>
                </c:pt>
                <c:pt idx="1978">
                  <c:v>42039</c:v>
                </c:pt>
                <c:pt idx="1979">
                  <c:v>42040</c:v>
                </c:pt>
                <c:pt idx="1980">
                  <c:v>42041</c:v>
                </c:pt>
                <c:pt idx="1981">
                  <c:v>42044</c:v>
                </c:pt>
                <c:pt idx="1982">
                  <c:v>42045</c:v>
                </c:pt>
                <c:pt idx="1983">
                  <c:v>42046</c:v>
                </c:pt>
                <c:pt idx="1984">
                  <c:v>42047</c:v>
                </c:pt>
                <c:pt idx="1985">
                  <c:v>42048</c:v>
                </c:pt>
                <c:pt idx="1986">
                  <c:v>42051</c:v>
                </c:pt>
                <c:pt idx="1987">
                  <c:v>42052</c:v>
                </c:pt>
                <c:pt idx="1988">
                  <c:v>42060</c:v>
                </c:pt>
                <c:pt idx="1989">
                  <c:v>42061</c:v>
                </c:pt>
                <c:pt idx="1990">
                  <c:v>42062</c:v>
                </c:pt>
                <c:pt idx="1991">
                  <c:v>42065</c:v>
                </c:pt>
                <c:pt idx="1992">
                  <c:v>42066</c:v>
                </c:pt>
                <c:pt idx="1993">
                  <c:v>42067</c:v>
                </c:pt>
                <c:pt idx="1994">
                  <c:v>42068</c:v>
                </c:pt>
                <c:pt idx="1995">
                  <c:v>42069</c:v>
                </c:pt>
                <c:pt idx="1996">
                  <c:v>42072</c:v>
                </c:pt>
                <c:pt idx="1997">
                  <c:v>42073</c:v>
                </c:pt>
                <c:pt idx="1998">
                  <c:v>42074</c:v>
                </c:pt>
                <c:pt idx="1999">
                  <c:v>42075</c:v>
                </c:pt>
                <c:pt idx="2000">
                  <c:v>42076</c:v>
                </c:pt>
                <c:pt idx="2001">
                  <c:v>42079</c:v>
                </c:pt>
                <c:pt idx="2002">
                  <c:v>42080</c:v>
                </c:pt>
                <c:pt idx="2003">
                  <c:v>42081</c:v>
                </c:pt>
                <c:pt idx="2004">
                  <c:v>42082</c:v>
                </c:pt>
                <c:pt idx="2005">
                  <c:v>42083</c:v>
                </c:pt>
                <c:pt idx="2006">
                  <c:v>42086</c:v>
                </c:pt>
                <c:pt idx="2007">
                  <c:v>42087</c:v>
                </c:pt>
                <c:pt idx="2008">
                  <c:v>42088</c:v>
                </c:pt>
                <c:pt idx="2009">
                  <c:v>42089</c:v>
                </c:pt>
                <c:pt idx="2010">
                  <c:v>42090</c:v>
                </c:pt>
                <c:pt idx="2011">
                  <c:v>42093</c:v>
                </c:pt>
                <c:pt idx="2012">
                  <c:v>42094</c:v>
                </c:pt>
                <c:pt idx="2013">
                  <c:v>42095</c:v>
                </c:pt>
                <c:pt idx="2014">
                  <c:v>42096</c:v>
                </c:pt>
                <c:pt idx="2015">
                  <c:v>42097</c:v>
                </c:pt>
                <c:pt idx="2016">
                  <c:v>42101</c:v>
                </c:pt>
                <c:pt idx="2017">
                  <c:v>42102</c:v>
                </c:pt>
                <c:pt idx="2018">
                  <c:v>42103</c:v>
                </c:pt>
                <c:pt idx="2019">
                  <c:v>42104</c:v>
                </c:pt>
                <c:pt idx="2020">
                  <c:v>42107</c:v>
                </c:pt>
                <c:pt idx="2021">
                  <c:v>42108</c:v>
                </c:pt>
                <c:pt idx="2022">
                  <c:v>42109</c:v>
                </c:pt>
                <c:pt idx="2023">
                  <c:v>42110</c:v>
                </c:pt>
                <c:pt idx="2024">
                  <c:v>42111</c:v>
                </c:pt>
                <c:pt idx="2025">
                  <c:v>42114</c:v>
                </c:pt>
                <c:pt idx="2026">
                  <c:v>42115</c:v>
                </c:pt>
                <c:pt idx="2027">
                  <c:v>42116</c:v>
                </c:pt>
                <c:pt idx="2028">
                  <c:v>42117</c:v>
                </c:pt>
                <c:pt idx="2029">
                  <c:v>42118</c:v>
                </c:pt>
                <c:pt idx="2030">
                  <c:v>42121</c:v>
                </c:pt>
                <c:pt idx="2031">
                  <c:v>42122</c:v>
                </c:pt>
                <c:pt idx="2032">
                  <c:v>42123</c:v>
                </c:pt>
                <c:pt idx="2033">
                  <c:v>42124</c:v>
                </c:pt>
                <c:pt idx="2034">
                  <c:v>42128</c:v>
                </c:pt>
                <c:pt idx="2035">
                  <c:v>42129</c:v>
                </c:pt>
                <c:pt idx="2036">
                  <c:v>42130</c:v>
                </c:pt>
                <c:pt idx="2037">
                  <c:v>42131</c:v>
                </c:pt>
                <c:pt idx="2038">
                  <c:v>42132</c:v>
                </c:pt>
                <c:pt idx="2039">
                  <c:v>42135</c:v>
                </c:pt>
                <c:pt idx="2040">
                  <c:v>42136</c:v>
                </c:pt>
                <c:pt idx="2041">
                  <c:v>42137</c:v>
                </c:pt>
                <c:pt idx="2042">
                  <c:v>42138</c:v>
                </c:pt>
                <c:pt idx="2043">
                  <c:v>42139</c:v>
                </c:pt>
                <c:pt idx="2044">
                  <c:v>42142</c:v>
                </c:pt>
                <c:pt idx="2045">
                  <c:v>42143</c:v>
                </c:pt>
                <c:pt idx="2046">
                  <c:v>42144</c:v>
                </c:pt>
                <c:pt idx="2047">
                  <c:v>42145</c:v>
                </c:pt>
                <c:pt idx="2048">
                  <c:v>42146</c:v>
                </c:pt>
                <c:pt idx="2049">
                  <c:v>42149</c:v>
                </c:pt>
                <c:pt idx="2050">
                  <c:v>42150</c:v>
                </c:pt>
                <c:pt idx="2051">
                  <c:v>42151</c:v>
                </c:pt>
                <c:pt idx="2052">
                  <c:v>42152</c:v>
                </c:pt>
                <c:pt idx="2053">
                  <c:v>42153</c:v>
                </c:pt>
                <c:pt idx="2054">
                  <c:v>42156</c:v>
                </c:pt>
                <c:pt idx="2055">
                  <c:v>42157</c:v>
                </c:pt>
                <c:pt idx="2056">
                  <c:v>42158</c:v>
                </c:pt>
                <c:pt idx="2057">
                  <c:v>42159</c:v>
                </c:pt>
                <c:pt idx="2058">
                  <c:v>42160</c:v>
                </c:pt>
                <c:pt idx="2059">
                  <c:v>42163</c:v>
                </c:pt>
                <c:pt idx="2060">
                  <c:v>42164</c:v>
                </c:pt>
                <c:pt idx="2061">
                  <c:v>42165</c:v>
                </c:pt>
                <c:pt idx="2062">
                  <c:v>42166</c:v>
                </c:pt>
                <c:pt idx="2063">
                  <c:v>42167</c:v>
                </c:pt>
                <c:pt idx="2064">
                  <c:v>42170</c:v>
                </c:pt>
                <c:pt idx="2065">
                  <c:v>42171</c:v>
                </c:pt>
                <c:pt idx="2066">
                  <c:v>42172</c:v>
                </c:pt>
                <c:pt idx="2067">
                  <c:v>42173</c:v>
                </c:pt>
                <c:pt idx="2068">
                  <c:v>42174</c:v>
                </c:pt>
                <c:pt idx="2069">
                  <c:v>42178</c:v>
                </c:pt>
                <c:pt idx="2070">
                  <c:v>42179</c:v>
                </c:pt>
                <c:pt idx="2071">
                  <c:v>42180</c:v>
                </c:pt>
                <c:pt idx="2072">
                  <c:v>42181</c:v>
                </c:pt>
                <c:pt idx="2073">
                  <c:v>42184</c:v>
                </c:pt>
                <c:pt idx="2074">
                  <c:v>42185</c:v>
                </c:pt>
                <c:pt idx="2075">
                  <c:v>42186</c:v>
                </c:pt>
                <c:pt idx="2076">
                  <c:v>42187</c:v>
                </c:pt>
                <c:pt idx="2077">
                  <c:v>42188</c:v>
                </c:pt>
                <c:pt idx="2078">
                  <c:v>42191</c:v>
                </c:pt>
                <c:pt idx="2079">
                  <c:v>42192</c:v>
                </c:pt>
                <c:pt idx="2080">
                  <c:v>42193</c:v>
                </c:pt>
                <c:pt idx="2081">
                  <c:v>42194</c:v>
                </c:pt>
                <c:pt idx="2082">
                  <c:v>42195</c:v>
                </c:pt>
                <c:pt idx="2083">
                  <c:v>42198</c:v>
                </c:pt>
                <c:pt idx="2084">
                  <c:v>42199</c:v>
                </c:pt>
                <c:pt idx="2085">
                  <c:v>42200</c:v>
                </c:pt>
                <c:pt idx="2086">
                  <c:v>42201</c:v>
                </c:pt>
                <c:pt idx="2087">
                  <c:v>42202</c:v>
                </c:pt>
                <c:pt idx="2088">
                  <c:v>42205</c:v>
                </c:pt>
                <c:pt idx="2089">
                  <c:v>42206</c:v>
                </c:pt>
                <c:pt idx="2090">
                  <c:v>42207</c:v>
                </c:pt>
                <c:pt idx="2091">
                  <c:v>42208</c:v>
                </c:pt>
                <c:pt idx="2092">
                  <c:v>42209</c:v>
                </c:pt>
                <c:pt idx="2093">
                  <c:v>42212</c:v>
                </c:pt>
                <c:pt idx="2094">
                  <c:v>42213</c:v>
                </c:pt>
                <c:pt idx="2095">
                  <c:v>42214</c:v>
                </c:pt>
                <c:pt idx="2096">
                  <c:v>42215</c:v>
                </c:pt>
                <c:pt idx="2097">
                  <c:v>42216</c:v>
                </c:pt>
                <c:pt idx="2098">
                  <c:v>42219</c:v>
                </c:pt>
                <c:pt idx="2099">
                  <c:v>42220</c:v>
                </c:pt>
                <c:pt idx="2100">
                  <c:v>42221</c:v>
                </c:pt>
                <c:pt idx="2101">
                  <c:v>42222</c:v>
                </c:pt>
                <c:pt idx="2102">
                  <c:v>42223</c:v>
                </c:pt>
                <c:pt idx="2103">
                  <c:v>42226</c:v>
                </c:pt>
                <c:pt idx="2104">
                  <c:v>42227</c:v>
                </c:pt>
                <c:pt idx="2105">
                  <c:v>42228</c:v>
                </c:pt>
                <c:pt idx="2106">
                  <c:v>42229</c:v>
                </c:pt>
                <c:pt idx="2107">
                  <c:v>42230</c:v>
                </c:pt>
                <c:pt idx="2108">
                  <c:v>42233</c:v>
                </c:pt>
                <c:pt idx="2109">
                  <c:v>42234</c:v>
                </c:pt>
                <c:pt idx="2110">
                  <c:v>42235</c:v>
                </c:pt>
                <c:pt idx="2111">
                  <c:v>42236</c:v>
                </c:pt>
                <c:pt idx="2112">
                  <c:v>42237</c:v>
                </c:pt>
                <c:pt idx="2113">
                  <c:v>42240</c:v>
                </c:pt>
                <c:pt idx="2114">
                  <c:v>42241</c:v>
                </c:pt>
                <c:pt idx="2115">
                  <c:v>42242</c:v>
                </c:pt>
                <c:pt idx="2116">
                  <c:v>42243</c:v>
                </c:pt>
                <c:pt idx="2117">
                  <c:v>42244</c:v>
                </c:pt>
                <c:pt idx="2118">
                  <c:v>42247</c:v>
                </c:pt>
                <c:pt idx="2119">
                  <c:v>42248</c:v>
                </c:pt>
                <c:pt idx="2120">
                  <c:v>42249</c:v>
                </c:pt>
                <c:pt idx="2121">
                  <c:v>42254</c:v>
                </c:pt>
                <c:pt idx="2122">
                  <c:v>42255</c:v>
                </c:pt>
                <c:pt idx="2123">
                  <c:v>42256</c:v>
                </c:pt>
                <c:pt idx="2124">
                  <c:v>42257</c:v>
                </c:pt>
                <c:pt idx="2125">
                  <c:v>42258</c:v>
                </c:pt>
                <c:pt idx="2126">
                  <c:v>42261</c:v>
                </c:pt>
                <c:pt idx="2127">
                  <c:v>42262</c:v>
                </c:pt>
                <c:pt idx="2128">
                  <c:v>42263</c:v>
                </c:pt>
                <c:pt idx="2129">
                  <c:v>42264</c:v>
                </c:pt>
                <c:pt idx="2130">
                  <c:v>42265</c:v>
                </c:pt>
                <c:pt idx="2131">
                  <c:v>42268</c:v>
                </c:pt>
                <c:pt idx="2132">
                  <c:v>42269</c:v>
                </c:pt>
                <c:pt idx="2133">
                  <c:v>42270</c:v>
                </c:pt>
                <c:pt idx="2134">
                  <c:v>42271</c:v>
                </c:pt>
                <c:pt idx="2135">
                  <c:v>42272</c:v>
                </c:pt>
                <c:pt idx="2136">
                  <c:v>42275</c:v>
                </c:pt>
                <c:pt idx="2137">
                  <c:v>42276</c:v>
                </c:pt>
                <c:pt idx="2138">
                  <c:v>42277</c:v>
                </c:pt>
                <c:pt idx="2139">
                  <c:v>42285</c:v>
                </c:pt>
                <c:pt idx="2140">
                  <c:v>42286</c:v>
                </c:pt>
                <c:pt idx="2141">
                  <c:v>42289</c:v>
                </c:pt>
                <c:pt idx="2142">
                  <c:v>42290</c:v>
                </c:pt>
                <c:pt idx="2143">
                  <c:v>42291</c:v>
                </c:pt>
                <c:pt idx="2144">
                  <c:v>42292</c:v>
                </c:pt>
                <c:pt idx="2145">
                  <c:v>42293</c:v>
                </c:pt>
                <c:pt idx="2146">
                  <c:v>42296</c:v>
                </c:pt>
                <c:pt idx="2147">
                  <c:v>42297</c:v>
                </c:pt>
                <c:pt idx="2148">
                  <c:v>42298</c:v>
                </c:pt>
                <c:pt idx="2149">
                  <c:v>42299</c:v>
                </c:pt>
                <c:pt idx="2150">
                  <c:v>42300</c:v>
                </c:pt>
                <c:pt idx="2151">
                  <c:v>42303</c:v>
                </c:pt>
                <c:pt idx="2152">
                  <c:v>42304</c:v>
                </c:pt>
                <c:pt idx="2153">
                  <c:v>42305</c:v>
                </c:pt>
                <c:pt idx="2154">
                  <c:v>42306</c:v>
                </c:pt>
                <c:pt idx="2155">
                  <c:v>42307</c:v>
                </c:pt>
                <c:pt idx="2156">
                  <c:v>42310</c:v>
                </c:pt>
                <c:pt idx="2157">
                  <c:v>42311</c:v>
                </c:pt>
                <c:pt idx="2158">
                  <c:v>42312</c:v>
                </c:pt>
                <c:pt idx="2159">
                  <c:v>42313</c:v>
                </c:pt>
                <c:pt idx="2160">
                  <c:v>42314</c:v>
                </c:pt>
                <c:pt idx="2161">
                  <c:v>42317</c:v>
                </c:pt>
                <c:pt idx="2162">
                  <c:v>42318</c:v>
                </c:pt>
                <c:pt idx="2163">
                  <c:v>42319</c:v>
                </c:pt>
                <c:pt idx="2164">
                  <c:v>42320</c:v>
                </c:pt>
                <c:pt idx="2165">
                  <c:v>42321</c:v>
                </c:pt>
                <c:pt idx="2166">
                  <c:v>42324</c:v>
                </c:pt>
                <c:pt idx="2167">
                  <c:v>42325</c:v>
                </c:pt>
                <c:pt idx="2168">
                  <c:v>42326</c:v>
                </c:pt>
                <c:pt idx="2169">
                  <c:v>42327</c:v>
                </c:pt>
                <c:pt idx="2170">
                  <c:v>42328</c:v>
                </c:pt>
                <c:pt idx="2171">
                  <c:v>42331</c:v>
                </c:pt>
                <c:pt idx="2172">
                  <c:v>42332</c:v>
                </c:pt>
                <c:pt idx="2173">
                  <c:v>42333</c:v>
                </c:pt>
                <c:pt idx="2174">
                  <c:v>42334</c:v>
                </c:pt>
                <c:pt idx="2175">
                  <c:v>42335</c:v>
                </c:pt>
                <c:pt idx="2176">
                  <c:v>42338</c:v>
                </c:pt>
                <c:pt idx="2177">
                  <c:v>42339</c:v>
                </c:pt>
                <c:pt idx="2178">
                  <c:v>42340</c:v>
                </c:pt>
                <c:pt idx="2179">
                  <c:v>42341</c:v>
                </c:pt>
                <c:pt idx="2180">
                  <c:v>42342</c:v>
                </c:pt>
                <c:pt idx="2181">
                  <c:v>42345</c:v>
                </c:pt>
                <c:pt idx="2182">
                  <c:v>42346</c:v>
                </c:pt>
                <c:pt idx="2183">
                  <c:v>42347</c:v>
                </c:pt>
                <c:pt idx="2184">
                  <c:v>42348</c:v>
                </c:pt>
                <c:pt idx="2185">
                  <c:v>42349</c:v>
                </c:pt>
                <c:pt idx="2186">
                  <c:v>42352</c:v>
                </c:pt>
                <c:pt idx="2187">
                  <c:v>42353</c:v>
                </c:pt>
                <c:pt idx="2188">
                  <c:v>42354</c:v>
                </c:pt>
                <c:pt idx="2189">
                  <c:v>42355</c:v>
                </c:pt>
                <c:pt idx="2190">
                  <c:v>42356</c:v>
                </c:pt>
                <c:pt idx="2191">
                  <c:v>42359</c:v>
                </c:pt>
                <c:pt idx="2192">
                  <c:v>42360</c:v>
                </c:pt>
                <c:pt idx="2193">
                  <c:v>42361</c:v>
                </c:pt>
                <c:pt idx="2194">
                  <c:v>42362</c:v>
                </c:pt>
                <c:pt idx="2195">
                  <c:v>42363</c:v>
                </c:pt>
                <c:pt idx="2196">
                  <c:v>42366</c:v>
                </c:pt>
                <c:pt idx="2197">
                  <c:v>42367</c:v>
                </c:pt>
                <c:pt idx="2198">
                  <c:v>42368</c:v>
                </c:pt>
                <c:pt idx="2199">
                  <c:v>42369</c:v>
                </c:pt>
                <c:pt idx="2200">
                  <c:v>42373</c:v>
                </c:pt>
                <c:pt idx="2201">
                  <c:v>42374</c:v>
                </c:pt>
                <c:pt idx="2202">
                  <c:v>42375</c:v>
                </c:pt>
                <c:pt idx="2203">
                  <c:v>42376</c:v>
                </c:pt>
                <c:pt idx="2204">
                  <c:v>42377</c:v>
                </c:pt>
                <c:pt idx="2205">
                  <c:v>42380</c:v>
                </c:pt>
                <c:pt idx="2206">
                  <c:v>42381</c:v>
                </c:pt>
                <c:pt idx="2207">
                  <c:v>42382</c:v>
                </c:pt>
                <c:pt idx="2208">
                  <c:v>42383</c:v>
                </c:pt>
                <c:pt idx="2209">
                  <c:v>42384</c:v>
                </c:pt>
                <c:pt idx="2210">
                  <c:v>42387</c:v>
                </c:pt>
                <c:pt idx="2211">
                  <c:v>42388</c:v>
                </c:pt>
                <c:pt idx="2212">
                  <c:v>42389</c:v>
                </c:pt>
                <c:pt idx="2213">
                  <c:v>42390</c:v>
                </c:pt>
                <c:pt idx="2214">
                  <c:v>42391</c:v>
                </c:pt>
                <c:pt idx="2215">
                  <c:v>42394</c:v>
                </c:pt>
                <c:pt idx="2216">
                  <c:v>42395</c:v>
                </c:pt>
                <c:pt idx="2217">
                  <c:v>42396</c:v>
                </c:pt>
                <c:pt idx="2218">
                  <c:v>42397</c:v>
                </c:pt>
                <c:pt idx="2219">
                  <c:v>42398</c:v>
                </c:pt>
                <c:pt idx="2220">
                  <c:v>42401</c:v>
                </c:pt>
                <c:pt idx="2221">
                  <c:v>42402</c:v>
                </c:pt>
                <c:pt idx="2222">
                  <c:v>42403</c:v>
                </c:pt>
                <c:pt idx="2223">
                  <c:v>42404</c:v>
                </c:pt>
                <c:pt idx="2224">
                  <c:v>42405</c:v>
                </c:pt>
                <c:pt idx="2225">
                  <c:v>42415</c:v>
                </c:pt>
                <c:pt idx="2226">
                  <c:v>42416</c:v>
                </c:pt>
                <c:pt idx="2227">
                  <c:v>42417</c:v>
                </c:pt>
                <c:pt idx="2228">
                  <c:v>42418</c:v>
                </c:pt>
                <c:pt idx="2229">
                  <c:v>42419</c:v>
                </c:pt>
                <c:pt idx="2230">
                  <c:v>42422</c:v>
                </c:pt>
                <c:pt idx="2231">
                  <c:v>42423</c:v>
                </c:pt>
                <c:pt idx="2232">
                  <c:v>42424</c:v>
                </c:pt>
                <c:pt idx="2233">
                  <c:v>42425</c:v>
                </c:pt>
                <c:pt idx="2234">
                  <c:v>42426</c:v>
                </c:pt>
                <c:pt idx="2235">
                  <c:v>42429</c:v>
                </c:pt>
                <c:pt idx="2236">
                  <c:v>42430</c:v>
                </c:pt>
                <c:pt idx="2237">
                  <c:v>42431</c:v>
                </c:pt>
                <c:pt idx="2238">
                  <c:v>42432</c:v>
                </c:pt>
                <c:pt idx="2239">
                  <c:v>42433</c:v>
                </c:pt>
                <c:pt idx="2240">
                  <c:v>42436</c:v>
                </c:pt>
                <c:pt idx="2241">
                  <c:v>42437</c:v>
                </c:pt>
                <c:pt idx="2242">
                  <c:v>42438</c:v>
                </c:pt>
                <c:pt idx="2243">
                  <c:v>42439</c:v>
                </c:pt>
                <c:pt idx="2244">
                  <c:v>42440</c:v>
                </c:pt>
                <c:pt idx="2245">
                  <c:v>42443</c:v>
                </c:pt>
                <c:pt idx="2246">
                  <c:v>42444</c:v>
                </c:pt>
                <c:pt idx="2247">
                  <c:v>42445</c:v>
                </c:pt>
                <c:pt idx="2248">
                  <c:v>42446</c:v>
                </c:pt>
                <c:pt idx="2249">
                  <c:v>42447</c:v>
                </c:pt>
                <c:pt idx="2250">
                  <c:v>42450</c:v>
                </c:pt>
                <c:pt idx="2251">
                  <c:v>42451</c:v>
                </c:pt>
                <c:pt idx="2252">
                  <c:v>42452</c:v>
                </c:pt>
                <c:pt idx="2253">
                  <c:v>42453</c:v>
                </c:pt>
                <c:pt idx="2254">
                  <c:v>42454</c:v>
                </c:pt>
                <c:pt idx="2255">
                  <c:v>42457</c:v>
                </c:pt>
                <c:pt idx="2256">
                  <c:v>42458</c:v>
                </c:pt>
                <c:pt idx="2257">
                  <c:v>42459</c:v>
                </c:pt>
                <c:pt idx="2258">
                  <c:v>42460</c:v>
                </c:pt>
                <c:pt idx="2259">
                  <c:v>42461</c:v>
                </c:pt>
                <c:pt idx="2260">
                  <c:v>42465</c:v>
                </c:pt>
                <c:pt idx="2261">
                  <c:v>42466</c:v>
                </c:pt>
                <c:pt idx="2262">
                  <c:v>42467</c:v>
                </c:pt>
                <c:pt idx="2263">
                  <c:v>42468</c:v>
                </c:pt>
                <c:pt idx="2264">
                  <c:v>42471</c:v>
                </c:pt>
                <c:pt idx="2265">
                  <c:v>42472</c:v>
                </c:pt>
                <c:pt idx="2266">
                  <c:v>42473</c:v>
                </c:pt>
                <c:pt idx="2267">
                  <c:v>42474</c:v>
                </c:pt>
                <c:pt idx="2268">
                  <c:v>42475</c:v>
                </c:pt>
                <c:pt idx="2269">
                  <c:v>42478</c:v>
                </c:pt>
                <c:pt idx="2270">
                  <c:v>42479</c:v>
                </c:pt>
                <c:pt idx="2271">
                  <c:v>42480</c:v>
                </c:pt>
                <c:pt idx="2272">
                  <c:v>42481</c:v>
                </c:pt>
                <c:pt idx="2273">
                  <c:v>42482</c:v>
                </c:pt>
                <c:pt idx="2274">
                  <c:v>42485</c:v>
                </c:pt>
                <c:pt idx="2275">
                  <c:v>42486</c:v>
                </c:pt>
                <c:pt idx="2276">
                  <c:v>42487</c:v>
                </c:pt>
                <c:pt idx="2277">
                  <c:v>42488</c:v>
                </c:pt>
                <c:pt idx="2278">
                  <c:v>42489</c:v>
                </c:pt>
                <c:pt idx="2279">
                  <c:v>42493</c:v>
                </c:pt>
                <c:pt idx="2280">
                  <c:v>42494</c:v>
                </c:pt>
                <c:pt idx="2281">
                  <c:v>42495</c:v>
                </c:pt>
                <c:pt idx="2282">
                  <c:v>42496</c:v>
                </c:pt>
                <c:pt idx="2283">
                  <c:v>42499</c:v>
                </c:pt>
                <c:pt idx="2284">
                  <c:v>42500</c:v>
                </c:pt>
                <c:pt idx="2285">
                  <c:v>42501</c:v>
                </c:pt>
                <c:pt idx="2286">
                  <c:v>42502</c:v>
                </c:pt>
                <c:pt idx="2287">
                  <c:v>42503</c:v>
                </c:pt>
                <c:pt idx="2288">
                  <c:v>42506</c:v>
                </c:pt>
                <c:pt idx="2289">
                  <c:v>42507</c:v>
                </c:pt>
                <c:pt idx="2290">
                  <c:v>42508</c:v>
                </c:pt>
                <c:pt idx="2291">
                  <c:v>42509</c:v>
                </c:pt>
                <c:pt idx="2292">
                  <c:v>42510</c:v>
                </c:pt>
                <c:pt idx="2293">
                  <c:v>42513</c:v>
                </c:pt>
                <c:pt idx="2294">
                  <c:v>42514</c:v>
                </c:pt>
                <c:pt idx="2295">
                  <c:v>42515</c:v>
                </c:pt>
                <c:pt idx="2296">
                  <c:v>42516</c:v>
                </c:pt>
                <c:pt idx="2297">
                  <c:v>42517</c:v>
                </c:pt>
                <c:pt idx="2298">
                  <c:v>42520</c:v>
                </c:pt>
                <c:pt idx="2299">
                  <c:v>42521</c:v>
                </c:pt>
                <c:pt idx="2300">
                  <c:v>42522</c:v>
                </c:pt>
                <c:pt idx="2301">
                  <c:v>42523</c:v>
                </c:pt>
                <c:pt idx="2302">
                  <c:v>42524</c:v>
                </c:pt>
                <c:pt idx="2303">
                  <c:v>42527</c:v>
                </c:pt>
                <c:pt idx="2304">
                  <c:v>42528</c:v>
                </c:pt>
                <c:pt idx="2305">
                  <c:v>42529</c:v>
                </c:pt>
                <c:pt idx="2306">
                  <c:v>42534</c:v>
                </c:pt>
                <c:pt idx="2307">
                  <c:v>42535</c:v>
                </c:pt>
                <c:pt idx="2308">
                  <c:v>42536</c:v>
                </c:pt>
                <c:pt idx="2309">
                  <c:v>42537</c:v>
                </c:pt>
                <c:pt idx="2310">
                  <c:v>42538</c:v>
                </c:pt>
                <c:pt idx="2311">
                  <c:v>42541</c:v>
                </c:pt>
                <c:pt idx="2312">
                  <c:v>42542</c:v>
                </c:pt>
                <c:pt idx="2313">
                  <c:v>42543</c:v>
                </c:pt>
                <c:pt idx="2314">
                  <c:v>42544</c:v>
                </c:pt>
                <c:pt idx="2315">
                  <c:v>42545</c:v>
                </c:pt>
                <c:pt idx="2316">
                  <c:v>42548</c:v>
                </c:pt>
                <c:pt idx="2317">
                  <c:v>42549</c:v>
                </c:pt>
                <c:pt idx="2318">
                  <c:v>42550</c:v>
                </c:pt>
                <c:pt idx="2319">
                  <c:v>42551</c:v>
                </c:pt>
                <c:pt idx="2320">
                  <c:v>42552</c:v>
                </c:pt>
                <c:pt idx="2321">
                  <c:v>42555</c:v>
                </c:pt>
                <c:pt idx="2322">
                  <c:v>42556</c:v>
                </c:pt>
                <c:pt idx="2323">
                  <c:v>42557</c:v>
                </c:pt>
                <c:pt idx="2324">
                  <c:v>42558</c:v>
                </c:pt>
                <c:pt idx="2325">
                  <c:v>42559</c:v>
                </c:pt>
                <c:pt idx="2326">
                  <c:v>42562</c:v>
                </c:pt>
                <c:pt idx="2327">
                  <c:v>42563</c:v>
                </c:pt>
                <c:pt idx="2328">
                  <c:v>42564</c:v>
                </c:pt>
                <c:pt idx="2329">
                  <c:v>42565</c:v>
                </c:pt>
                <c:pt idx="2330">
                  <c:v>42566</c:v>
                </c:pt>
                <c:pt idx="2331">
                  <c:v>42569</c:v>
                </c:pt>
                <c:pt idx="2332">
                  <c:v>42570</c:v>
                </c:pt>
                <c:pt idx="2333">
                  <c:v>42571</c:v>
                </c:pt>
                <c:pt idx="2334">
                  <c:v>42572</c:v>
                </c:pt>
                <c:pt idx="2335">
                  <c:v>42573</c:v>
                </c:pt>
                <c:pt idx="2336">
                  <c:v>42576</c:v>
                </c:pt>
                <c:pt idx="2337">
                  <c:v>42577</c:v>
                </c:pt>
                <c:pt idx="2338">
                  <c:v>42578</c:v>
                </c:pt>
                <c:pt idx="2339">
                  <c:v>42579</c:v>
                </c:pt>
                <c:pt idx="2340">
                  <c:v>42580</c:v>
                </c:pt>
                <c:pt idx="2341">
                  <c:v>42583</c:v>
                </c:pt>
                <c:pt idx="2342">
                  <c:v>42584</c:v>
                </c:pt>
                <c:pt idx="2343">
                  <c:v>42585</c:v>
                </c:pt>
                <c:pt idx="2344">
                  <c:v>42586</c:v>
                </c:pt>
                <c:pt idx="2345">
                  <c:v>42587</c:v>
                </c:pt>
                <c:pt idx="2346">
                  <c:v>42590</c:v>
                </c:pt>
                <c:pt idx="2347">
                  <c:v>42591</c:v>
                </c:pt>
                <c:pt idx="2348">
                  <c:v>42592</c:v>
                </c:pt>
                <c:pt idx="2349">
                  <c:v>42593</c:v>
                </c:pt>
                <c:pt idx="2350">
                  <c:v>42594</c:v>
                </c:pt>
                <c:pt idx="2351">
                  <c:v>42597</c:v>
                </c:pt>
                <c:pt idx="2352">
                  <c:v>42598</c:v>
                </c:pt>
                <c:pt idx="2353">
                  <c:v>42599</c:v>
                </c:pt>
                <c:pt idx="2354">
                  <c:v>42600</c:v>
                </c:pt>
                <c:pt idx="2355">
                  <c:v>42601</c:v>
                </c:pt>
                <c:pt idx="2356">
                  <c:v>42604</c:v>
                </c:pt>
                <c:pt idx="2357">
                  <c:v>42605</c:v>
                </c:pt>
                <c:pt idx="2358">
                  <c:v>42606</c:v>
                </c:pt>
                <c:pt idx="2359">
                  <c:v>42607</c:v>
                </c:pt>
                <c:pt idx="2360">
                  <c:v>42608</c:v>
                </c:pt>
                <c:pt idx="2361">
                  <c:v>42611</c:v>
                </c:pt>
                <c:pt idx="2362">
                  <c:v>42612</c:v>
                </c:pt>
                <c:pt idx="2363">
                  <c:v>42613</c:v>
                </c:pt>
                <c:pt idx="2364">
                  <c:v>42614</c:v>
                </c:pt>
                <c:pt idx="2365">
                  <c:v>42615</c:v>
                </c:pt>
                <c:pt idx="2366">
                  <c:v>42618</c:v>
                </c:pt>
                <c:pt idx="2367">
                  <c:v>42619</c:v>
                </c:pt>
                <c:pt idx="2368">
                  <c:v>42620</c:v>
                </c:pt>
                <c:pt idx="2369">
                  <c:v>42621</c:v>
                </c:pt>
                <c:pt idx="2370">
                  <c:v>42622</c:v>
                </c:pt>
                <c:pt idx="2371">
                  <c:v>42625</c:v>
                </c:pt>
                <c:pt idx="2372">
                  <c:v>42626</c:v>
                </c:pt>
                <c:pt idx="2373">
                  <c:v>42627</c:v>
                </c:pt>
                <c:pt idx="2374">
                  <c:v>42632</c:v>
                </c:pt>
                <c:pt idx="2375">
                  <c:v>42633</c:v>
                </c:pt>
                <c:pt idx="2376">
                  <c:v>42634</c:v>
                </c:pt>
                <c:pt idx="2377">
                  <c:v>42635</c:v>
                </c:pt>
                <c:pt idx="2378">
                  <c:v>42636</c:v>
                </c:pt>
                <c:pt idx="2379">
                  <c:v>42639</c:v>
                </c:pt>
                <c:pt idx="2380">
                  <c:v>42640</c:v>
                </c:pt>
                <c:pt idx="2381">
                  <c:v>42641</c:v>
                </c:pt>
                <c:pt idx="2382">
                  <c:v>42642</c:v>
                </c:pt>
                <c:pt idx="2383">
                  <c:v>42643</c:v>
                </c:pt>
                <c:pt idx="2384">
                  <c:v>42653</c:v>
                </c:pt>
                <c:pt idx="2385">
                  <c:v>42654</c:v>
                </c:pt>
                <c:pt idx="2386">
                  <c:v>42655</c:v>
                </c:pt>
                <c:pt idx="2387">
                  <c:v>42656</c:v>
                </c:pt>
                <c:pt idx="2388">
                  <c:v>42657</c:v>
                </c:pt>
                <c:pt idx="2389">
                  <c:v>42660</c:v>
                </c:pt>
                <c:pt idx="2390">
                  <c:v>42661</c:v>
                </c:pt>
                <c:pt idx="2391">
                  <c:v>42662</c:v>
                </c:pt>
                <c:pt idx="2392">
                  <c:v>42663</c:v>
                </c:pt>
                <c:pt idx="2393">
                  <c:v>42664</c:v>
                </c:pt>
                <c:pt idx="2394">
                  <c:v>42667</c:v>
                </c:pt>
                <c:pt idx="2395">
                  <c:v>42668</c:v>
                </c:pt>
                <c:pt idx="2396">
                  <c:v>42669</c:v>
                </c:pt>
                <c:pt idx="2397">
                  <c:v>42670</c:v>
                </c:pt>
                <c:pt idx="2398">
                  <c:v>42671</c:v>
                </c:pt>
                <c:pt idx="2399">
                  <c:v>42674</c:v>
                </c:pt>
                <c:pt idx="2400">
                  <c:v>42675</c:v>
                </c:pt>
                <c:pt idx="2401">
                  <c:v>42676</c:v>
                </c:pt>
                <c:pt idx="2402">
                  <c:v>42677</c:v>
                </c:pt>
                <c:pt idx="2403">
                  <c:v>42678</c:v>
                </c:pt>
                <c:pt idx="2404">
                  <c:v>42681</c:v>
                </c:pt>
                <c:pt idx="2405">
                  <c:v>42682</c:v>
                </c:pt>
                <c:pt idx="2406">
                  <c:v>42683</c:v>
                </c:pt>
                <c:pt idx="2407">
                  <c:v>42684</c:v>
                </c:pt>
                <c:pt idx="2408">
                  <c:v>42685</c:v>
                </c:pt>
                <c:pt idx="2409">
                  <c:v>42688</c:v>
                </c:pt>
                <c:pt idx="2410">
                  <c:v>42689</c:v>
                </c:pt>
                <c:pt idx="2411">
                  <c:v>42690</c:v>
                </c:pt>
                <c:pt idx="2412">
                  <c:v>42691</c:v>
                </c:pt>
                <c:pt idx="2413">
                  <c:v>42692</c:v>
                </c:pt>
                <c:pt idx="2414">
                  <c:v>42695</c:v>
                </c:pt>
              </c:numCache>
            </c:numRef>
          </c:xVal>
          <c:yVal>
            <c:numRef>
              <c:f>ICBC!$H$3:$H$2417</c:f>
              <c:numCache>
                <c:formatCode>General</c:formatCode>
                <c:ptCount val="2415"/>
                <c:pt idx="0">
                  <c:v>0</c:v>
                </c:pt>
                <c:pt idx="1">
                  <c:v>1.7949259876789636E-2</c:v>
                </c:pt>
                <c:pt idx="2">
                  <c:v>5.1298509838302309E-3</c:v>
                </c:pt>
                <c:pt idx="3">
                  <c:v>-2.3076501577311781E-2</c:v>
                </c:pt>
                <c:pt idx="4">
                  <c:v>-3.8460835962186191E-2</c:v>
                </c:pt>
                <c:pt idx="5">
                  <c:v>-2.8203743277833815E-2</c:v>
                </c:pt>
                <c:pt idx="6">
                  <c:v>-2.307650157731167E-2</c:v>
                </c:pt>
                <c:pt idx="7">
                  <c:v>-3.5895910470271075E-2</c:v>
                </c:pt>
                <c:pt idx="8">
                  <c:v>2.5649254919151154E-3</c:v>
                </c:pt>
                <c:pt idx="9">
                  <c:v>-5.1272417005221449E-3</c:v>
                </c:pt>
                <c:pt idx="10">
                  <c:v>-1.5384334384874521E-2</c:v>
                </c:pt>
                <c:pt idx="11">
                  <c:v>-1.2819408892959294E-2</c:v>
                </c:pt>
                <c:pt idx="12">
                  <c:v>-7.6921671924372603E-3</c:v>
                </c:pt>
                <c:pt idx="13">
                  <c:v>4.6155612437931648E-2</c:v>
                </c:pt>
                <c:pt idx="14">
                  <c:v>0.10512802448551462</c:v>
                </c:pt>
                <c:pt idx="15">
                  <c:v>0.10000078278499269</c:v>
                </c:pt>
                <c:pt idx="16">
                  <c:v>9.4873541084470547E-2</c:v>
                </c:pt>
                <c:pt idx="17">
                  <c:v>0.10769294997742995</c:v>
                </c:pt>
                <c:pt idx="18">
                  <c:v>0.16923028751692826</c:v>
                </c:pt>
                <c:pt idx="19">
                  <c:v>0.21282097446294479</c:v>
                </c:pt>
                <c:pt idx="20">
                  <c:v>0.20256388177859241</c:v>
                </c:pt>
                <c:pt idx="21">
                  <c:v>0.19230939837754835</c:v>
                </c:pt>
                <c:pt idx="22">
                  <c:v>0.21538589995486035</c:v>
                </c:pt>
                <c:pt idx="23">
                  <c:v>0.33589825882524948</c:v>
                </c:pt>
                <c:pt idx="24">
                  <c:v>0.41281993074962187</c:v>
                </c:pt>
                <c:pt idx="25">
                  <c:v>0.45641061769563862</c:v>
                </c:pt>
                <c:pt idx="26">
                  <c:v>0.50000130464165515</c:v>
                </c:pt>
                <c:pt idx="27">
                  <c:v>0.58974499474229525</c:v>
                </c:pt>
                <c:pt idx="28">
                  <c:v>0.55128154949680086</c:v>
                </c:pt>
                <c:pt idx="29">
                  <c:v>0.39743559636474735</c:v>
                </c:pt>
                <c:pt idx="30">
                  <c:v>0.42051470722536743</c:v>
                </c:pt>
                <c:pt idx="31">
                  <c:v>0.48205204476486574</c:v>
                </c:pt>
                <c:pt idx="32">
                  <c:v>0.45897554318755396</c:v>
                </c:pt>
                <c:pt idx="33">
                  <c:v>0.41281993074962231</c:v>
                </c:pt>
                <c:pt idx="34">
                  <c:v>0.36666692759499875</c:v>
                </c:pt>
                <c:pt idx="35">
                  <c:v>0.42820687441780514</c:v>
                </c:pt>
                <c:pt idx="36">
                  <c:v>0.41538485624153765</c:v>
                </c:pt>
                <c:pt idx="37">
                  <c:v>0.3948732801561412</c:v>
                </c:pt>
                <c:pt idx="38">
                  <c:v>0.3461553515096023</c:v>
                </c:pt>
                <c:pt idx="39">
                  <c:v>0.36153968589447705</c:v>
                </c:pt>
                <c:pt idx="40">
                  <c:v>0.40512776355718527</c:v>
                </c:pt>
                <c:pt idx="41">
                  <c:v>0.44359120880267944</c:v>
                </c:pt>
                <c:pt idx="42">
                  <c:v>0.41794978173345254</c:v>
                </c:pt>
                <c:pt idx="43">
                  <c:v>0.35384751870203934</c:v>
                </c:pt>
                <c:pt idx="44">
                  <c:v>0.34871766771820911</c:v>
                </c:pt>
                <c:pt idx="45">
                  <c:v>0.36410200210308363</c:v>
                </c:pt>
                <c:pt idx="46">
                  <c:v>0.32564116614089733</c:v>
                </c:pt>
                <c:pt idx="47">
                  <c:v>0.28461540468679614</c:v>
                </c:pt>
                <c:pt idx="48">
                  <c:v>0.28205308847818911</c:v>
                </c:pt>
                <c:pt idx="49">
                  <c:v>0.23589747604025746</c:v>
                </c:pt>
                <c:pt idx="50">
                  <c:v>0.2025638817785933</c:v>
                </c:pt>
                <c:pt idx="51">
                  <c:v>0.25384673591704709</c:v>
                </c:pt>
                <c:pt idx="52">
                  <c:v>0.25384673591704709</c:v>
                </c:pt>
                <c:pt idx="53">
                  <c:v>0.24102732702408769</c:v>
                </c:pt>
                <c:pt idx="54">
                  <c:v>0.2282053088478202</c:v>
                </c:pt>
                <c:pt idx="55">
                  <c:v>0.26410382860139947</c:v>
                </c:pt>
                <c:pt idx="56">
                  <c:v>0.25897397761756924</c:v>
                </c:pt>
                <c:pt idx="57">
                  <c:v>0.2923075718792334</c:v>
                </c:pt>
                <c:pt idx="58">
                  <c:v>0.32564116614089755</c:v>
                </c:pt>
                <c:pt idx="59">
                  <c:v>0.31794899894846029</c:v>
                </c:pt>
                <c:pt idx="60">
                  <c:v>0.3076919062641077</c:v>
                </c:pt>
                <c:pt idx="61">
                  <c:v>0.20256388177859308</c:v>
                </c:pt>
                <c:pt idx="62">
                  <c:v>0.25641166140896199</c:v>
                </c:pt>
                <c:pt idx="63">
                  <c:v>0.2179482161634676</c:v>
                </c:pt>
                <c:pt idx="64">
                  <c:v>0.23077023433973531</c:v>
                </c:pt>
                <c:pt idx="65">
                  <c:v>0.2025638817785933</c:v>
                </c:pt>
                <c:pt idx="66">
                  <c:v>0.25128181042513198</c:v>
                </c:pt>
                <c:pt idx="67">
                  <c:v>0.25897397761756946</c:v>
                </c:pt>
                <c:pt idx="68">
                  <c:v>0.26153890310948458</c:v>
                </c:pt>
                <c:pt idx="69">
                  <c:v>0.29487249737114873</c:v>
                </c:pt>
                <c:pt idx="70">
                  <c:v>0.31025683175602325</c:v>
                </c:pt>
                <c:pt idx="71">
                  <c:v>0.29230757187923362</c:v>
                </c:pt>
                <c:pt idx="72">
                  <c:v>0.26153890310948458</c:v>
                </c:pt>
                <c:pt idx="73">
                  <c:v>0.26923107030192184</c:v>
                </c:pt>
                <c:pt idx="74">
                  <c:v>0.26923107030192184</c:v>
                </c:pt>
                <c:pt idx="75">
                  <c:v>0.32820609163281289</c:v>
                </c:pt>
                <c:pt idx="76">
                  <c:v>0.32307884993229097</c:v>
                </c:pt>
                <c:pt idx="77">
                  <c:v>0.33077101712472801</c:v>
                </c:pt>
                <c:pt idx="78">
                  <c:v>0.32051392444037563</c:v>
                </c:pt>
                <c:pt idx="79">
                  <c:v>0.33077101712472801</c:v>
                </c:pt>
                <c:pt idx="80">
                  <c:v>0.32307884993229075</c:v>
                </c:pt>
                <c:pt idx="81">
                  <c:v>0.35897476040256193</c:v>
                </c:pt>
                <c:pt idx="82">
                  <c:v>0.43333411611832773</c:v>
                </c:pt>
                <c:pt idx="83">
                  <c:v>0.40769268904910061</c:v>
                </c:pt>
                <c:pt idx="84">
                  <c:v>0.43333411611832751</c:v>
                </c:pt>
                <c:pt idx="85">
                  <c:v>0.44102628331076454</c:v>
                </c:pt>
                <c:pt idx="86">
                  <c:v>0.41794978173345276</c:v>
                </c:pt>
                <c:pt idx="87">
                  <c:v>0.42307702343397491</c:v>
                </c:pt>
                <c:pt idx="88">
                  <c:v>0.39743559636474779</c:v>
                </c:pt>
                <c:pt idx="89">
                  <c:v>0.40512776355718505</c:v>
                </c:pt>
                <c:pt idx="90">
                  <c:v>0.43076919062641195</c:v>
                </c:pt>
                <c:pt idx="91">
                  <c:v>0.43333411611832706</c:v>
                </c:pt>
                <c:pt idx="92">
                  <c:v>0.4256419489258898</c:v>
                </c:pt>
                <c:pt idx="93">
                  <c:v>0.39743559636474757</c:v>
                </c:pt>
                <c:pt idx="94">
                  <c:v>0.4153848562415372</c:v>
                </c:pt>
                <c:pt idx="95">
                  <c:v>0.40512776355718483</c:v>
                </c:pt>
                <c:pt idx="96">
                  <c:v>0.39230835466422542</c:v>
                </c:pt>
                <c:pt idx="97">
                  <c:v>0.3384631843171646</c:v>
                </c:pt>
                <c:pt idx="98">
                  <c:v>0.36410200210308319</c:v>
                </c:pt>
                <c:pt idx="99">
                  <c:v>0.39230835466422542</c:v>
                </c:pt>
                <c:pt idx="100">
                  <c:v>0.38205126197987305</c:v>
                </c:pt>
                <c:pt idx="101">
                  <c:v>0.41794978173345232</c:v>
                </c:pt>
                <c:pt idx="102">
                  <c:v>0.41794978173345232</c:v>
                </c:pt>
                <c:pt idx="103">
                  <c:v>0.38718111296370328</c:v>
                </c:pt>
                <c:pt idx="104">
                  <c:v>0.38974342917231053</c:v>
                </c:pt>
                <c:pt idx="105">
                  <c:v>0.40512776355718505</c:v>
                </c:pt>
                <c:pt idx="106">
                  <c:v>0.48205204476486596</c:v>
                </c:pt>
                <c:pt idx="107">
                  <c:v>0.47948711927295085</c:v>
                </c:pt>
                <c:pt idx="108">
                  <c:v>0.46410278488807633</c:v>
                </c:pt>
                <c:pt idx="109">
                  <c:v>0.4743598775724287</c:v>
                </c:pt>
                <c:pt idx="110">
                  <c:v>0.41281993074962231</c:v>
                </c:pt>
                <c:pt idx="111">
                  <c:v>0.42051470722536788</c:v>
                </c:pt>
                <c:pt idx="112">
                  <c:v>0.42564194892589002</c:v>
                </c:pt>
                <c:pt idx="113">
                  <c:v>0.40769268904910039</c:v>
                </c:pt>
                <c:pt idx="114">
                  <c:v>0.39743559636474779</c:v>
                </c:pt>
                <c:pt idx="115">
                  <c:v>0.40512776355718505</c:v>
                </c:pt>
                <c:pt idx="116">
                  <c:v>0.41538485624153743</c:v>
                </c:pt>
                <c:pt idx="117">
                  <c:v>0.4256419489258898</c:v>
                </c:pt>
                <c:pt idx="118">
                  <c:v>0.40769268904910017</c:v>
                </c:pt>
                <c:pt idx="119">
                  <c:v>0.41794978173345232</c:v>
                </c:pt>
                <c:pt idx="120">
                  <c:v>0.43333411611832706</c:v>
                </c:pt>
                <c:pt idx="121">
                  <c:v>0.36410200210308341</c:v>
                </c:pt>
                <c:pt idx="122">
                  <c:v>0.40512776355718505</c:v>
                </c:pt>
                <c:pt idx="123">
                  <c:v>0.39230835466422564</c:v>
                </c:pt>
                <c:pt idx="124">
                  <c:v>0.27948816298627355</c:v>
                </c:pt>
                <c:pt idx="125">
                  <c:v>0.30256466456358555</c:v>
                </c:pt>
                <c:pt idx="126">
                  <c:v>0.29230757187923317</c:v>
                </c:pt>
                <c:pt idx="127">
                  <c:v>0.29999973907167043</c:v>
                </c:pt>
                <c:pt idx="128">
                  <c:v>0.28718033017871103</c:v>
                </c:pt>
                <c:pt idx="129">
                  <c:v>0.29743742286306318</c:v>
                </c:pt>
                <c:pt idx="130">
                  <c:v>0.35384751870203912</c:v>
                </c:pt>
                <c:pt idx="131">
                  <c:v>0.31538407345654473</c:v>
                </c:pt>
                <c:pt idx="132">
                  <c:v>0.32051392444037519</c:v>
                </c:pt>
                <c:pt idx="133">
                  <c:v>0.34359042601768675</c:v>
                </c:pt>
                <c:pt idx="134">
                  <c:v>0.34359042601768675</c:v>
                </c:pt>
                <c:pt idx="135">
                  <c:v>0.31025683175602259</c:v>
                </c:pt>
                <c:pt idx="136">
                  <c:v>0.32051392444037496</c:v>
                </c:pt>
                <c:pt idx="137">
                  <c:v>0.29230757187923273</c:v>
                </c:pt>
                <c:pt idx="138">
                  <c:v>0.27179599579383606</c:v>
                </c:pt>
                <c:pt idx="139">
                  <c:v>0.27948816298627333</c:v>
                </c:pt>
                <c:pt idx="140">
                  <c:v>0.30769190626410725</c:v>
                </c:pt>
                <c:pt idx="141">
                  <c:v>0.28974525567062592</c:v>
                </c:pt>
                <c:pt idx="142">
                  <c:v>0.28461540468679569</c:v>
                </c:pt>
                <c:pt idx="143">
                  <c:v>0.29743742286306296</c:v>
                </c:pt>
                <c:pt idx="144">
                  <c:v>0.33333333333333415</c:v>
                </c:pt>
                <c:pt idx="145">
                  <c:v>0.31794899894845963</c:v>
                </c:pt>
                <c:pt idx="146">
                  <c:v>0.27692323749435821</c:v>
                </c:pt>
                <c:pt idx="147">
                  <c:v>0.32307884993229008</c:v>
                </c:pt>
                <c:pt idx="148">
                  <c:v>0.35128259321012378</c:v>
                </c:pt>
                <c:pt idx="149">
                  <c:v>0.37435909478743556</c:v>
                </c:pt>
                <c:pt idx="150">
                  <c:v>0.38461618747178772</c:v>
                </c:pt>
                <c:pt idx="151">
                  <c:v>0.3820512619798726</c:v>
                </c:pt>
                <c:pt idx="152">
                  <c:v>0.37692402027935068</c:v>
                </c:pt>
                <c:pt idx="153">
                  <c:v>0.35128259321012378</c:v>
                </c:pt>
                <c:pt idx="154">
                  <c:v>0.38461618747178772</c:v>
                </c:pt>
                <c:pt idx="155">
                  <c:v>0.38718111296370306</c:v>
                </c:pt>
                <c:pt idx="156">
                  <c:v>0.39230835466422542</c:v>
                </c:pt>
                <c:pt idx="157">
                  <c:v>0.43589904161024196</c:v>
                </c:pt>
                <c:pt idx="158">
                  <c:v>0.47435987757242803</c:v>
                </c:pt>
                <c:pt idx="159">
                  <c:v>0.45897554318755351</c:v>
                </c:pt>
                <c:pt idx="160">
                  <c:v>0.49743637914973982</c:v>
                </c:pt>
                <c:pt idx="161">
                  <c:v>0.47948711927295018</c:v>
                </c:pt>
                <c:pt idx="162">
                  <c:v>0.45384569220372328</c:v>
                </c:pt>
                <c:pt idx="163">
                  <c:v>0.46923263587190611</c:v>
                </c:pt>
                <c:pt idx="164">
                  <c:v>0.47179495208051292</c:v>
                </c:pt>
                <c:pt idx="165">
                  <c:v>0.4179497817334521</c:v>
                </c:pt>
                <c:pt idx="166">
                  <c:v>0.43076919062641195</c:v>
                </c:pt>
                <c:pt idx="167">
                  <c:v>0.49230913744921789</c:v>
                </c:pt>
                <c:pt idx="168">
                  <c:v>0.48717928646538766</c:v>
                </c:pt>
                <c:pt idx="169">
                  <c:v>0.48717928646538766</c:v>
                </c:pt>
                <c:pt idx="170">
                  <c:v>0.63333307240500369</c:v>
                </c:pt>
                <c:pt idx="171">
                  <c:v>0.67692375935102045</c:v>
                </c:pt>
                <c:pt idx="172">
                  <c:v>0.71538459531320697</c:v>
                </c:pt>
                <c:pt idx="173">
                  <c:v>0.82051261979872181</c:v>
                </c:pt>
                <c:pt idx="174">
                  <c:v>0.8076932109057624</c:v>
                </c:pt>
                <c:pt idx="175">
                  <c:v>0.81795030359011478</c:v>
                </c:pt>
                <c:pt idx="176">
                  <c:v>0.73589878068191172</c:v>
                </c:pt>
                <c:pt idx="177">
                  <c:v>0.65641218326562401</c:v>
                </c:pt>
                <c:pt idx="178">
                  <c:v>0.81795030359011478</c:v>
                </c:pt>
                <c:pt idx="179">
                  <c:v>0.80512828541384707</c:v>
                </c:pt>
                <c:pt idx="180">
                  <c:v>0.77435961664409803</c:v>
                </c:pt>
                <c:pt idx="181">
                  <c:v>0.78205178383653529</c:v>
                </c:pt>
                <c:pt idx="182">
                  <c:v>0.79230887652088766</c:v>
                </c:pt>
                <c:pt idx="183">
                  <c:v>0.8102581363976773</c:v>
                </c:pt>
                <c:pt idx="184">
                  <c:v>0.76666744945166054</c:v>
                </c:pt>
                <c:pt idx="185">
                  <c:v>0.7205144462970372</c:v>
                </c:pt>
                <c:pt idx="186">
                  <c:v>0.74359094787434898</c:v>
                </c:pt>
                <c:pt idx="187">
                  <c:v>0.75384804055870136</c:v>
                </c:pt>
                <c:pt idx="188">
                  <c:v>0.77179469115218313</c:v>
                </c:pt>
                <c:pt idx="189">
                  <c:v>0.76154020775113884</c:v>
                </c:pt>
                <c:pt idx="190">
                  <c:v>0.74359094787434921</c:v>
                </c:pt>
                <c:pt idx="191">
                  <c:v>0.78205178383653529</c:v>
                </c:pt>
                <c:pt idx="192">
                  <c:v>0.74615587336626432</c:v>
                </c:pt>
                <c:pt idx="193">
                  <c:v>0.74359094787434921</c:v>
                </c:pt>
                <c:pt idx="194">
                  <c:v>0.64615509058127163</c:v>
                </c:pt>
                <c:pt idx="195">
                  <c:v>0.63846292338883437</c:v>
                </c:pt>
                <c:pt idx="196">
                  <c:v>0.65641218326562401</c:v>
                </c:pt>
                <c:pt idx="197">
                  <c:v>0.66410435045806127</c:v>
                </c:pt>
                <c:pt idx="198">
                  <c:v>0.67692375935102067</c:v>
                </c:pt>
                <c:pt idx="199">
                  <c:v>0.67435883385910556</c:v>
                </c:pt>
                <c:pt idx="200">
                  <c:v>0.66153942496614615</c:v>
                </c:pt>
                <c:pt idx="201">
                  <c:v>0.68718085203537305</c:v>
                </c:pt>
                <c:pt idx="202">
                  <c:v>0.71538459531320697</c:v>
                </c:pt>
                <c:pt idx="203">
                  <c:v>0.71538459531320697</c:v>
                </c:pt>
                <c:pt idx="204">
                  <c:v>0.66410435045806127</c:v>
                </c:pt>
                <c:pt idx="205">
                  <c:v>0.63333307240500392</c:v>
                </c:pt>
                <c:pt idx="206">
                  <c:v>0.68718085203537305</c:v>
                </c:pt>
                <c:pt idx="207">
                  <c:v>0.69487301922781008</c:v>
                </c:pt>
                <c:pt idx="208">
                  <c:v>0.86410330674473812</c:v>
                </c:pt>
                <c:pt idx="209">
                  <c:v>0.86923054844526049</c:v>
                </c:pt>
                <c:pt idx="210">
                  <c:v>0.94615482965294118</c:v>
                </c:pt>
                <c:pt idx="211">
                  <c:v>0.99743768379139497</c:v>
                </c:pt>
                <c:pt idx="212">
                  <c:v>0.9615391640378157</c:v>
                </c:pt>
                <c:pt idx="213">
                  <c:v>1.0153843343848763</c:v>
                </c:pt>
                <c:pt idx="214">
                  <c:v>1.0897436901006419</c:v>
                </c:pt>
                <c:pt idx="215">
                  <c:v>1.0410257614541032</c:v>
                </c:pt>
                <c:pt idx="216">
                  <c:v>0.95897423854590036</c:v>
                </c:pt>
                <c:pt idx="217">
                  <c:v>0.9512820713534631</c:v>
                </c:pt>
                <c:pt idx="218">
                  <c:v>0.91025630989936168</c:v>
                </c:pt>
                <c:pt idx="219">
                  <c:v>1.0153843343848763</c:v>
                </c:pt>
                <c:pt idx="220">
                  <c:v>1.0384634452454962</c:v>
                </c:pt>
                <c:pt idx="221">
                  <c:v>0.95384699684537799</c:v>
                </c:pt>
                <c:pt idx="222">
                  <c:v>1.0948735410844721</c:v>
                </c:pt>
                <c:pt idx="223">
                  <c:v>1.238462401532173</c:v>
                </c:pt>
                <c:pt idx="224">
                  <c:v>1.2410273270240881</c:v>
                </c:pt>
                <c:pt idx="225">
                  <c:v>1.266668754093315</c:v>
                </c:pt>
                <c:pt idx="226">
                  <c:v>1.2179508254467764</c:v>
                </c:pt>
                <c:pt idx="227">
                  <c:v>1.1256422098542211</c:v>
                </c:pt>
                <c:pt idx="228">
                  <c:v>1.092308615592557</c:v>
                </c:pt>
                <c:pt idx="229">
                  <c:v>1.1923093983775499</c:v>
                </c:pt>
                <c:pt idx="230">
                  <c:v>1.1179500426617839</c:v>
                </c:pt>
                <c:pt idx="231">
                  <c:v>1.1410265442390957</c:v>
                </c:pt>
                <c:pt idx="232">
                  <c:v>1.0948735410844721</c:v>
                </c:pt>
                <c:pt idx="233">
                  <c:v>1.0512828541384556</c:v>
                </c:pt>
                <c:pt idx="234">
                  <c:v>1.1410265442390957</c:v>
                </c:pt>
                <c:pt idx="235">
                  <c:v>1.1435914697310108</c:v>
                </c:pt>
                <c:pt idx="236">
                  <c:v>1.1128228009612617</c:v>
                </c:pt>
                <c:pt idx="237">
                  <c:v>1.0820515229082046</c:v>
                </c:pt>
                <c:pt idx="238">
                  <c:v>1.0923086155925574</c:v>
                </c:pt>
                <c:pt idx="239">
                  <c:v>1.0384634452454966</c:v>
                </c:pt>
                <c:pt idx="240">
                  <c:v>0.98974551659895771</c:v>
                </c:pt>
                <c:pt idx="241">
                  <c:v>1.0256414270692291</c:v>
                </c:pt>
                <c:pt idx="242">
                  <c:v>0.99743768379139519</c:v>
                </c:pt>
                <c:pt idx="243">
                  <c:v>0.97692349842269044</c:v>
                </c:pt>
                <c:pt idx="244">
                  <c:v>0.93333542075998177</c:v>
                </c:pt>
                <c:pt idx="245">
                  <c:v>1.0564100958389777</c:v>
                </c:pt>
                <c:pt idx="246">
                  <c:v>1.0487179286465405</c:v>
                </c:pt>
                <c:pt idx="247">
                  <c:v>1.0717970395071603</c:v>
                </c:pt>
                <c:pt idx="248">
                  <c:v>1.0897436901006414</c:v>
                </c:pt>
                <c:pt idx="249">
                  <c:v>1.1512836369234476</c:v>
                </c:pt>
                <c:pt idx="250">
                  <c:v>1.1384616187471797</c:v>
                </c:pt>
                <c:pt idx="251">
                  <c:v>1.1435914697310099</c:v>
                </c:pt>
                <c:pt idx="252">
                  <c:v>1.133334377046658</c:v>
                </c:pt>
                <c:pt idx="253">
                  <c:v>1.1051280244855159</c:v>
                </c:pt>
                <c:pt idx="254">
                  <c:v>1.0769242812076816</c:v>
                </c:pt>
                <c:pt idx="255">
                  <c:v>1.0487179286465396</c:v>
                </c:pt>
                <c:pt idx="256">
                  <c:v>0.96666640573833673</c:v>
                </c:pt>
                <c:pt idx="257">
                  <c:v>0.97436118221408208</c:v>
                </c:pt>
                <c:pt idx="258">
                  <c:v>1.0205141853687056</c:v>
                </c:pt>
                <c:pt idx="259">
                  <c:v>1.0230791108606208</c:v>
                </c:pt>
                <c:pt idx="260">
                  <c:v>1.0538477796303698</c:v>
                </c:pt>
                <c:pt idx="261">
                  <c:v>1.089743690100641</c:v>
                </c:pt>
                <c:pt idx="262">
                  <c:v>1.0717970395071599</c:v>
                </c:pt>
                <c:pt idx="263">
                  <c:v>1.0384634452454957</c:v>
                </c:pt>
                <c:pt idx="264">
                  <c:v>1.1051280244855159</c:v>
                </c:pt>
                <c:pt idx="265">
                  <c:v>1.0846164484001193</c:v>
                </c:pt>
                <c:pt idx="266">
                  <c:v>1.0717970395071599</c:v>
                </c:pt>
                <c:pt idx="267">
                  <c:v>1.0666671885233296</c:v>
                </c:pt>
                <c:pt idx="268">
                  <c:v>1.0564100958389773</c:v>
                </c:pt>
                <c:pt idx="269">
                  <c:v>1.0435906869460179</c:v>
                </c:pt>
                <c:pt idx="270">
                  <c:v>1.0743593557157669</c:v>
                </c:pt>
                <c:pt idx="271">
                  <c:v>1.0846164484001197</c:v>
                </c:pt>
                <c:pt idx="272">
                  <c:v>1.0846164484001197</c:v>
                </c:pt>
                <c:pt idx="273">
                  <c:v>1.1282071353461363</c:v>
                </c:pt>
                <c:pt idx="274">
                  <c:v>1.1256422098542211</c:v>
                </c:pt>
                <c:pt idx="275">
                  <c:v>1.0820515229082046</c:v>
                </c:pt>
                <c:pt idx="276">
                  <c:v>1.0282063525611438</c:v>
                </c:pt>
                <c:pt idx="277">
                  <c:v>0.97692349842269022</c:v>
                </c:pt>
                <c:pt idx="278">
                  <c:v>1.0153843343848767</c:v>
                </c:pt>
                <c:pt idx="279">
                  <c:v>0.93846266246050414</c:v>
                </c:pt>
                <c:pt idx="280">
                  <c:v>0.77179469115218335</c:v>
                </c:pt>
                <c:pt idx="281">
                  <c:v>0.80769321090576285</c:v>
                </c:pt>
                <c:pt idx="282">
                  <c:v>0.78205178383653595</c:v>
                </c:pt>
                <c:pt idx="283">
                  <c:v>0.81025813639767819</c:v>
                </c:pt>
                <c:pt idx="284">
                  <c:v>0.69743794471972631</c:v>
                </c:pt>
                <c:pt idx="285">
                  <c:v>0.70513011191216379</c:v>
                </c:pt>
                <c:pt idx="286">
                  <c:v>0.65641218326562512</c:v>
                </c:pt>
                <c:pt idx="287">
                  <c:v>0.67435883385910622</c:v>
                </c:pt>
                <c:pt idx="288">
                  <c:v>0.72564168799756024</c:v>
                </c:pt>
                <c:pt idx="289">
                  <c:v>0.85384621406038641</c:v>
                </c:pt>
                <c:pt idx="290">
                  <c:v>0.81795030359011545</c:v>
                </c:pt>
                <c:pt idx="291">
                  <c:v>0.7717946911521838</c:v>
                </c:pt>
                <c:pt idx="292">
                  <c:v>0.77435961664409891</c:v>
                </c:pt>
                <c:pt idx="293">
                  <c:v>0.73589878068191261</c:v>
                </c:pt>
                <c:pt idx="294">
                  <c:v>0.74359094787434987</c:v>
                </c:pt>
                <c:pt idx="295">
                  <c:v>0.7871816348203664</c:v>
                </c:pt>
                <c:pt idx="296">
                  <c:v>0.73076892969808238</c:v>
                </c:pt>
                <c:pt idx="297">
                  <c:v>0.69743794471972631</c:v>
                </c:pt>
                <c:pt idx="298">
                  <c:v>0.65384725777370978</c:v>
                </c:pt>
                <c:pt idx="299">
                  <c:v>0.59743716193473384</c:v>
                </c:pt>
                <c:pt idx="300">
                  <c:v>0.64359016508935718</c:v>
                </c:pt>
                <c:pt idx="301">
                  <c:v>0.67692375935102111</c:v>
                </c:pt>
                <c:pt idx="302">
                  <c:v>0.65897449947423148</c:v>
                </c:pt>
                <c:pt idx="303">
                  <c:v>0.67435883385910578</c:v>
                </c:pt>
                <c:pt idx="304">
                  <c:v>0.68718085203537349</c:v>
                </c:pt>
                <c:pt idx="305">
                  <c:v>0.63077075619639755</c:v>
                </c:pt>
                <c:pt idx="306">
                  <c:v>0.63333307240500436</c:v>
                </c:pt>
                <c:pt idx="307">
                  <c:v>0.64102523959744162</c:v>
                </c:pt>
                <c:pt idx="308">
                  <c:v>0.63077075619639733</c:v>
                </c:pt>
                <c:pt idx="309">
                  <c:v>0.58205282754985865</c:v>
                </c:pt>
                <c:pt idx="310">
                  <c:v>0.58205282754985865</c:v>
                </c:pt>
                <c:pt idx="311">
                  <c:v>0.5512815494968013</c:v>
                </c:pt>
                <c:pt idx="312">
                  <c:v>0.49230913744921834</c:v>
                </c:pt>
                <c:pt idx="313">
                  <c:v>0.47179495208051359</c:v>
                </c:pt>
                <c:pt idx="314">
                  <c:v>0.42564194892589025</c:v>
                </c:pt>
                <c:pt idx="315">
                  <c:v>0.40000052185666335</c:v>
                </c:pt>
                <c:pt idx="316">
                  <c:v>0.44871845050320225</c:v>
                </c:pt>
                <c:pt idx="317">
                  <c:v>0.44615352501128713</c:v>
                </c:pt>
                <c:pt idx="318">
                  <c:v>0.46154046867946974</c:v>
                </c:pt>
                <c:pt idx="319">
                  <c:v>0.41538485624153787</c:v>
                </c:pt>
                <c:pt idx="320">
                  <c:v>0.46666771037999211</c:v>
                </c:pt>
                <c:pt idx="321">
                  <c:v>0.46410278488807699</c:v>
                </c:pt>
                <c:pt idx="322">
                  <c:v>0.43846135781884987</c:v>
                </c:pt>
                <c:pt idx="323">
                  <c:v>0.55128154949680197</c:v>
                </c:pt>
                <c:pt idx="324">
                  <c:v>0.57179573486550672</c:v>
                </c:pt>
                <c:pt idx="325">
                  <c:v>0.53846214060384257</c:v>
                </c:pt>
                <c:pt idx="326">
                  <c:v>0.58974499474229658</c:v>
                </c:pt>
                <c:pt idx="327">
                  <c:v>0.630770756196398</c:v>
                </c:pt>
                <c:pt idx="328">
                  <c:v>0.64615509058127252</c:v>
                </c:pt>
                <c:pt idx="329">
                  <c:v>0.61538642181152348</c:v>
                </c:pt>
                <c:pt idx="330">
                  <c:v>0.5410270660957579</c:v>
                </c:pt>
                <c:pt idx="331">
                  <c:v>0.58461514375846635</c:v>
                </c:pt>
                <c:pt idx="332">
                  <c:v>0.57179573486550694</c:v>
                </c:pt>
                <c:pt idx="333">
                  <c:v>0.48974421195730389</c:v>
                </c:pt>
                <c:pt idx="334">
                  <c:v>0.50256362085026351</c:v>
                </c:pt>
                <c:pt idx="335">
                  <c:v>0.48205204476486685</c:v>
                </c:pt>
                <c:pt idx="336">
                  <c:v>0.48461697025678174</c:v>
                </c:pt>
                <c:pt idx="337">
                  <c:v>0.47435987757242914</c:v>
                </c:pt>
                <c:pt idx="338">
                  <c:v>0.53589721511192745</c:v>
                </c:pt>
                <c:pt idx="339">
                  <c:v>0.57436066035742184</c:v>
                </c:pt>
                <c:pt idx="340">
                  <c:v>0.61794873802013006</c:v>
                </c:pt>
                <c:pt idx="341">
                  <c:v>0.74615587336626499</c:v>
                </c:pt>
                <c:pt idx="342">
                  <c:v>0.66410435045806215</c:v>
                </c:pt>
                <c:pt idx="343">
                  <c:v>0.630770756196398</c:v>
                </c:pt>
                <c:pt idx="344">
                  <c:v>0.65384725777370978</c:v>
                </c:pt>
                <c:pt idx="345">
                  <c:v>0.70769242812077038</c:v>
                </c:pt>
                <c:pt idx="346">
                  <c:v>0.70769242812077038</c:v>
                </c:pt>
                <c:pt idx="347">
                  <c:v>0.66410435045806193</c:v>
                </c:pt>
                <c:pt idx="348">
                  <c:v>0.61025657082769302</c:v>
                </c:pt>
                <c:pt idx="349">
                  <c:v>0.61794873802013028</c:v>
                </c:pt>
                <c:pt idx="350">
                  <c:v>0.57436066035742184</c:v>
                </c:pt>
                <c:pt idx="351">
                  <c:v>0.57948790205794398</c:v>
                </c:pt>
                <c:pt idx="352">
                  <c:v>0.55641140048063198</c:v>
                </c:pt>
                <c:pt idx="353">
                  <c:v>0.61282149631960814</c:v>
                </c:pt>
                <c:pt idx="354">
                  <c:v>0.59230731095090339</c:v>
                </c:pt>
                <c:pt idx="355">
                  <c:v>0.59230731095090339</c:v>
                </c:pt>
                <c:pt idx="356">
                  <c:v>0.5948722364428185</c:v>
                </c:pt>
                <c:pt idx="357">
                  <c:v>0.54102706609575768</c:v>
                </c:pt>
                <c:pt idx="358">
                  <c:v>0.55641140048063198</c:v>
                </c:pt>
                <c:pt idx="359">
                  <c:v>0.53846214060384234</c:v>
                </c:pt>
                <c:pt idx="360">
                  <c:v>0.53589721511192723</c:v>
                </c:pt>
                <c:pt idx="361">
                  <c:v>0.48974421195730344</c:v>
                </c:pt>
                <c:pt idx="362">
                  <c:v>0.48717928646538833</c:v>
                </c:pt>
                <c:pt idx="363">
                  <c:v>0.51538563902653056</c:v>
                </c:pt>
                <c:pt idx="364">
                  <c:v>0.49487145365782581</c:v>
                </c:pt>
                <c:pt idx="365">
                  <c:v>0.50769347183409352</c:v>
                </c:pt>
                <c:pt idx="366">
                  <c:v>0.52051288072705293</c:v>
                </c:pt>
                <c:pt idx="367">
                  <c:v>0.51538563902653078</c:v>
                </c:pt>
                <c:pt idx="368">
                  <c:v>0.49230913744921878</c:v>
                </c:pt>
                <c:pt idx="369">
                  <c:v>0.50512854634217841</c:v>
                </c:pt>
                <c:pt idx="370">
                  <c:v>0.37948894577126691</c:v>
                </c:pt>
                <c:pt idx="371">
                  <c:v>0.34615535150960253</c:v>
                </c:pt>
                <c:pt idx="372">
                  <c:v>0.33333333333333504</c:v>
                </c:pt>
                <c:pt idx="373">
                  <c:v>0.30256466456358599</c:v>
                </c:pt>
                <c:pt idx="374">
                  <c:v>0.32820609163281289</c:v>
                </c:pt>
                <c:pt idx="375">
                  <c:v>0.32564116614089778</c:v>
                </c:pt>
                <c:pt idx="376">
                  <c:v>0.35640983491064704</c:v>
                </c:pt>
                <c:pt idx="377">
                  <c:v>0.28461540468679658</c:v>
                </c:pt>
                <c:pt idx="378">
                  <c:v>0.32820609163281311</c:v>
                </c:pt>
                <c:pt idx="379">
                  <c:v>0.30512959005550155</c:v>
                </c:pt>
                <c:pt idx="380">
                  <c:v>0.33333333333333526</c:v>
                </c:pt>
                <c:pt idx="381">
                  <c:v>0.35384751870204001</c:v>
                </c:pt>
                <c:pt idx="382">
                  <c:v>0.325641166140898</c:v>
                </c:pt>
                <c:pt idx="383">
                  <c:v>0.2846154046867968</c:v>
                </c:pt>
                <c:pt idx="384">
                  <c:v>0.27179599579383718</c:v>
                </c:pt>
                <c:pt idx="385">
                  <c:v>0.2333351598316511</c:v>
                </c:pt>
                <c:pt idx="386">
                  <c:v>0.21282097446294634</c:v>
                </c:pt>
                <c:pt idx="387">
                  <c:v>0.21794821616346827</c:v>
                </c:pt>
                <c:pt idx="388">
                  <c:v>0.23077023433973598</c:v>
                </c:pt>
                <c:pt idx="389">
                  <c:v>0.27435831200244443</c:v>
                </c:pt>
                <c:pt idx="390">
                  <c:v>0.25897397761756991</c:v>
                </c:pt>
                <c:pt idx="391">
                  <c:v>0.31538407345654584</c:v>
                </c:pt>
                <c:pt idx="392">
                  <c:v>0.30512959005550155</c:v>
                </c:pt>
                <c:pt idx="393">
                  <c:v>0.28974525567062703</c:v>
                </c:pt>
                <c:pt idx="394">
                  <c:v>0.29487249737114918</c:v>
                </c:pt>
                <c:pt idx="395">
                  <c:v>0.25128181042513242</c:v>
                </c:pt>
                <c:pt idx="396">
                  <c:v>0.22051314165538338</c:v>
                </c:pt>
                <c:pt idx="397">
                  <c:v>0.2230780671472985</c:v>
                </c:pt>
                <c:pt idx="398">
                  <c:v>0.25641166140896265</c:v>
                </c:pt>
                <c:pt idx="399">
                  <c:v>0.29487249737114896</c:v>
                </c:pt>
                <c:pt idx="400">
                  <c:v>0.28461540468679658</c:v>
                </c:pt>
                <c:pt idx="401">
                  <c:v>0.29487249737114873</c:v>
                </c:pt>
                <c:pt idx="402">
                  <c:v>0.32564116614089778</c:v>
                </c:pt>
                <c:pt idx="403">
                  <c:v>0.32051392444037563</c:v>
                </c:pt>
                <c:pt idx="404">
                  <c:v>0.34871766771820956</c:v>
                </c:pt>
                <c:pt idx="405">
                  <c:v>0.31794899894846052</c:v>
                </c:pt>
                <c:pt idx="406">
                  <c:v>0.31282175724793837</c:v>
                </c:pt>
                <c:pt idx="407">
                  <c:v>0.29999973907167088</c:v>
                </c:pt>
                <c:pt idx="408">
                  <c:v>0.32051392444037563</c:v>
                </c:pt>
                <c:pt idx="409">
                  <c:v>0.29487249737114851</c:v>
                </c:pt>
                <c:pt idx="410">
                  <c:v>0.29487249737114851</c:v>
                </c:pt>
                <c:pt idx="411">
                  <c:v>0.31538407345654518</c:v>
                </c:pt>
                <c:pt idx="412">
                  <c:v>0.32307884993229075</c:v>
                </c:pt>
                <c:pt idx="413">
                  <c:v>0.28205308847818933</c:v>
                </c:pt>
                <c:pt idx="414">
                  <c:v>0.25128181042513198</c:v>
                </c:pt>
                <c:pt idx="415">
                  <c:v>0.25384673591704709</c:v>
                </c:pt>
                <c:pt idx="416">
                  <c:v>0.21794821616346782</c:v>
                </c:pt>
                <c:pt idx="417">
                  <c:v>0.20512880727050842</c:v>
                </c:pt>
                <c:pt idx="418">
                  <c:v>0.20769373276242353</c:v>
                </c:pt>
                <c:pt idx="419">
                  <c:v>0.16666797130832212</c:v>
                </c:pt>
                <c:pt idx="420">
                  <c:v>0.17948738020128152</c:v>
                </c:pt>
                <c:pt idx="421">
                  <c:v>0.25641166140896221</c:v>
                </c:pt>
                <c:pt idx="422">
                  <c:v>0.22051314165538294</c:v>
                </c:pt>
                <c:pt idx="423">
                  <c:v>0.2384624015321728</c:v>
                </c:pt>
                <c:pt idx="424">
                  <c:v>0.2512818104251322</c:v>
                </c:pt>
                <c:pt idx="425">
                  <c:v>0.23333515983165087</c:v>
                </c:pt>
                <c:pt idx="426">
                  <c:v>0.2358974760402579</c:v>
                </c:pt>
                <c:pt idx="427">
                  <c:v>0.24871949421652562</c:v>
                </c:pt>
                <c:pt idx="428">
                  <c:v>0.26410382860140036</c:v>
                </c:pt>
                <c:pt idx="429">
                  <c:v>0.22820530884782109</c:v>
                </c:pt>
                <c:pt idx="430">
                  <c:v>0.20256388177859419</c:v>
                </c:pt>
                <c:pt idx="431">
                  <c:v>0.18974447288563479</c:v>
                </c:pt>
                <c:pt idx="432">
                  <c:v>0.18974447288563479</c:v>
                </c:pt>
                <c:pt idx="433">
                  <c:v>0.15641087862397063</c:v>
                </c:pt>
                <c:pt idx="434">
                  <c:v>0.16153812032449255</c:v>
                </c:pt>
                <c:pt idx="435">
                  <c:v>0.16153812032449255</c:v>
                </c:pt>
                <c:pt idx="436">
                  <c:v>0.15641087862397063</c:v>
                </c:pt>
                <c:pt idx="437">
                  <c:v>0.10256570827690981</c:v>
                </c:pt>
                <c:pt idx="438">
                  <c:v>8.2051522908205055E-2</c:v>
                </c:pt>
                <c:pt idx="439">
                  <c:v>-2.5641427069225009E-2</c:v>
                </c:pt>
                <c:pt idx="440">
                  <c:v>-0.12307728436230247</c:v>
                </c:pt>
                <c:pt idx="441">
                  <c:v>-0.11794743337847213</c:v>
                </c:pt>
                <c:pt idx="442">
                  <c:v>-3.0768668769747154E-2</c:v>
                </c:pt>
                <c:pt idx="443">
                  <c:v>6.6667188523330534E-2</c:v>
                </c:pt>
                <c:pt idx="444">
                  <c:v>0.11538511716986921</c:v>
                </c:pt>
                <c:pt idx="445">
                  <c:v>0.10000078278499469</c:v>
                </c:pt>
                <c:pt idx="446">
                  <c:v>0.12051235887039158</c:v>
                </c:pt>
                <c:pt idx="447">
                  <c:v>0.11538511716986921</c:v>
                </c:pt>
                <c:pt idx="448">
                  <c:v>4.3590686946018753E-2</c:v>
                </c:pt>
                <c:pt idx="449">
                  <c:v>6.6667188523330534E-2</c:v>
                </c:pt>
                <c:pt idx="450">
                  <c:v>4.3590686946018753E-2</c:v>
                </c:pt>
                <c:pt idx="451">
                  <c:v>4.1025761454103638E-2</c:v>
                </c:pt>
                <c:pt idx="452">
                  <c:v>2.5641427069229117E-2</c:v>
                </c:pt>
                <c:pt idx="453">
                  <c:v>0.10256570827691003</c:v>
                </c:pt>
                <c:pt idx="454">
                  <c:v>6.6667188523330756E-2</c:v>
                </c:pt>
                <c:pt idx="455">
                  <c:v>5.8975021330893496E-2</c:v>
                </c:pt>
                <c:pt idx="456">
                  <c:v>2.5641427069229339E-2</c:v>
                </c:pt>
                <c:pt idx="457">
                  <c:v>2.5641427069229339E-2</c:v>
                </c:pt>
                <c:pt idx="458">
                  <c:v>3.8460835962188744E-2</c:v>
                </c:pt>
                <c:pt idx="459">
                  <c:v>2.0514185368707194E-2</c:v>
                </c:pt>
                <c:pt idx="460">
                  <c:v>2.5649254919173359E-3</c:v>
                </c:pt>
                <c:pt idx="461">
                  <c:v>-2.5641427069224676E-2</c:v>
                </c:pt>
                <c:pt idx="462">
                  <c:v>-5.1282854138451572E-2</c:v>
                </c:pt>
                <c:pt idx="463">
                  <c:v>-2.5641427069224565E-2</c:v>
                </c:pt>
                <c:pt idx="464">
                  <c:v>-8.2051522908200614E-2</c:v>
                </c:pt>
                <c:pt idx="465">
                  <c:v>-6.9229504731933122E-2</c:v>
                </c:pt>
                <c:pt idx="466">
                  <c:v>-7.1794430223848238E-2</c:v>
                </c:pt>
                <c:pt idx="467">
                  <c:v>-6.1537337539495862E-2</c:v>
                </c:pt>
                <c:pt idx="468">
                  <c:v>-5.3845170347058602E-2</c:v>
                </c:pt>
                <c:pt idx="469">
                  <c:v>-4.6153003154621342E-2</c:v>
                </c:pt>
                <c:pt idx="470">
                  <c:v>-5.3845170347058602E-2</c:v>
                </c:pt>
                <c:pt idx="471">
                  <c:v>-3.3333594261662047E-2</c:v>
                </c:pt>
                <c:pt idx="472">
                  <c:v>2.3076501577314001E-2</c:v>
                </c:pt>
                <c:pt idx="473">
                  <c:v>5.1298509838324513E-3</c:v>
                </c:pt>
                <c:pt idx="474">
                  <c:v>1.0257092684354818E-2</c:v>
                </c:pt>
                <c:pt idx="475">
                  <c:v>3.5898519753581937E-2</c:v>
                </c:pt>
                <c:pt idx="476">
                  <c:v>5.1282854138456679E-2</c:v>
                </c:pt>
                <c:pt idx="477">
                  <c:v>6.1539946822808833E-2</c:v>
                </c:pt>
                <c:pt idx="478">
                  <c:v>2.5641427069229561E-2</c:v>
                </c:pt>
                <c:pt idx="479">
                  <c:v>6.1539946822808833E-2</c:v>
                </c:pt>
                <c:pt idx="480">
                  <c:v>4.6155612437934312E-2</c:v>
                </c:pt>
                <c:pt idx="481">
                  <c:v>3.8460835962188744E-2</c:v>
                </c:pt>
                <c:pt idx="482">
                  <c:v>1.5384334384876963E-2</c:v>
                </c:pt>
                <c:pt idx="483">
                  <c:v>1.5384334384876963E-2</c:v>
                </c:pt>
                <c:pt idx="484">
                  <c:v>1.5384334384876963E-2</c:v>
                </c:pt>
                <c:pt idx="485">
                  <c:v>1.2822018176269934E-2</c:v>
                </c:pt>
                <c:pt idx="486">
                  <c:v>-1.7949259876787305E-2</c:v>
                </c:pt>
                <c:pt idx="487">
                  <c:v>-2.3076501577309338E-2</c:v>
                </c:pt>
                <c:pt idx="488">
                  <c:v>-3.5895910470268744E-2</c:v>
                </c:pt>
                <c:pt idx="489">
                  <c:v>-7.6921671924349289E-3</c:v>
                </c:pt>
                <c:pt idx="490">
                  <c:v>1.5384334384876963E-2</c:v>
                </c:pt>
                <c:pt idx="491">
                  <c:v>2.5641427069229339E-2</c:v>
                </c:pt>
                <c:pt idx="492">
                  <c:v>5.1282854138456457E-2</c:v>
                </c:pt>
                <c:pt idx="493">
                  <c:v>1.7949259876792079E-2</c:v>
                </c:pt>
                <c:pt idx="494">
                  <c:v>4.615561243793409E-2</c:v>
                </c:pt>
                <c:pt idx="495">
                  <c:v>1.7949259876792079E-2</c:v>
                </c:pt>
                <c:pt idx="496">
                  <c:v>-2.0511576085394334E-2</c:v>
                </c:pt>
                <c:pt idx="497">
                  <c:v>-2.5641427069224676E-2</c:v>
                </c:pt>
                <c:pt idx="498">
                  <c:v>-2.8203743277831594E-2</c:v>
                </c:pt>
                <c:pt idx="499">
                  <c:v>-3.076866876974671E-2</c:v>
                </c:pt>
                <c:pt idx="500">
                  <c:v>-1.0257092684350155E-2</c:v>
                </c:pt>
                <c:pt idx="501">
                  <c:v>-2.0511576085394445E-2</c:v>
                </c:pt>
                <c:pt idx="502">
                  <c:v>-3.0768668769746821E-2</c:v>
                </c:pt>
                <c:pt idx="503">
                  <c:v>-5.6410095838973717E-2</c:v>
                </c:pt>
                <c:pt idx="504">
                  <c:v>-6.9229504731933234E-2</c:v>
                </c:pt>
                <c:pt idx="505">
                  <c:v>-6.9229504731933234E-2</c:v>
                </c:pt>
                <c:pt idx="506">
                  <c:v>-6.4102263031410978E-2</c:v>
                </c:pt>
                <c:pt idx="507">
                  <c:v>-6.6667188523326093E-2</c:v>
                </c:pt>
                <c:pt idx="508">
                  <c:v>-8.4613839116807643E-2</c:v>
                </c:pt>
                <c:pt idx="509">
                  <c:v>-9.2306006309244903E-2</c:v>
                </c:pt>
                <c:pt idx="510">
                  <c:v>-7.6921671924370494E-2</c:v>
                </c:pt>
                <c:pt idx="511">
                  <c:v>-5.1282854138451572E-2</c:v>
                </c:pt>
                <c:pt idx="512">
                  <c:v>-7.1794430223848349E-2</c:v>
                </c:pt>
                <c:pt idx="513">
                  <c:v>-9.2306006309244903E-2</c:v>
                </c:pt>
                <c:pt idx="514">
                  <c:v>-8.2051522908200725E-2</c:v>
                </c:pt>
                <c:pt idx="515">
                  <c:v>-8.717876460872287E-2</c:v>
                </c:pt>
                <c:pt idx="516">
                  <c:v>-0.10769294997742762</c:v>
                </c:pt>
                <c:pt idx="517">
                  <c:v>-8.4613839116807643E-2</c:v>
                </c:pt>
                <c:pt idx="518">
                  <c:v>-0.10512802448551251</c:v>
                </c:pt>
                <c:pt idx="519">
                  <c:v>-8.717876460872287E-2</c:v>
                </c:pt>
                <c:pt idx="520">
                  <c:v>-5.6410095838973717E-2</c:v>
                </c:pt>
                <c:pt idx="521">
                  <c:v>-5.6410095838973717E-2</c:v>
                </c:pt>
                <c:pt idx="522">
                  <c:v>-5.6410095838973717E-2</c:v>
                </c:pt>
                <c:pt idx="523">
                  <c:v>-5.3845170347058713E-2</c:v>
                </c:pt>
                <c:pt idx="524">
                  <c:v>-6.1537337539495973E-2</c:v>
                </c:pt>
                <c:pt idx="525">
                  <c:v>-6.1537337539495973E-2</c:v>
                </c:pt>
                <c:pt idx="526">
                  <c:v>-4.3588077662706337E-2</c:v>
                </c:pt>
                <c:pt idx="527">
                  <c:v>-1.5384334384872411E-2</c:v>
                </c:pt>
                <c:pt idx="528">
                  <c:v>-2.5641427069224787E-2</c:v>
                </c:pt>
                <c:pt idx="529">
                  <c:v>5.1298509838324513E-3</c:v>
                </c:pt>
                <c:pt idx="530">
                  <c:v>7.6921671924394808E-3</c:v>
                </c:pt>
                <c:pt idx="531">
                  <c:v>1.0257092684354818E-2</c:v>
                </c:pt>
                <c:pt idx="532">
                  <c:v>1.2822018176269934E-2</c:v>
                </c:pt>
                <c:pt idx="533">
                  <c:v>-2.5649254919126729E-3</c:v>
                </c:pt>
                <c:pt idx="534">
                  <c:v>1.7949259876792301E-2</c:v>
                </c:pt>
                <c:pt idx="535">
                  <c:v>5.1282854138456679E-2</c:v>
                </c:pt>
                <c:pt idx="536">
                  <c:v>2.8206352561144676E-2</c:v>
                </c:pt>
                <c:pt idx="537">
                  <c:v>-1.5384334384871967E-2</c:v>
                </c:pt>
                <c:pt idx="538">
                  <c:v>-2.0511576085394112E-2</c:v>
                </c:pt>
                <c:pt idx="539">
                  <c:v>-1.7949259876787083E-2</c:v>
                </c:pt>
                <c:pt idx="540">
                  <c:v>-1.2819408892956741E-2</c:v>
                </c:pt>
                <c:pt idx="541">
                  <c:v>-5.1282854138451239E-2</c:v>
                </c:pt>
                <c:pt idx="542">
                  <c:v>-4.8717928646536235E-2</c:v>
                </c:pt>
                <c:pt idx="543">
                  <c:v>-5.8975021330888611E-2</c:v>
                </c:pt>
                <c:pt idx="544">
                  <c:v>-4.3588077662706004E-2</c:v>
                </c:pt>
                <c:pt idx="545">
                  <c:v>-5.128285413845135E-2</c:v>
                </c:pt>
                <c:pt idx="546">
                  <c:v>-6.4102263031410756E-2</c:v>
                </c:pt>
                <c:pt idx="547">
                  <c:v>-1.7949259876787194E-2</c:v>
                </c:pt>
                <c:pt idx="548">
                  <c:v>2.4424906541753444E-15</c:v>
                </c:pt>
                <c:pt idx="549">
                  <c:v>-2.5641427069224565E-2</c:v>
                </c:pt>
                <c:pt idx="550">
                  <c:v>-5.1282854138451461E-2</c:v>
                </c:pt>
                <c:pt idx="551">
                  <c:v>-4.6153003154621119E-2</c:v>
                </c:pt>
                <c:pt idx="552">
                  <c:v>-5.128285413845135E-2</c:v>
                </c:pt>
                <c:pt idx="553">
                  <c:v>-5.6410095838973495E-2</c:v>
                </c:pt>
                <c:pt idx="554">
                  <c:v>-5.6410095838973495E-2</c:v>
                </c:pt>
                <c:pt idx="555">
                  <c:v>-5.3845170347058491E-2</c:v>
                </c:pt>
                <c:pt idx="556">
                  <c:v>-3.3333594261661936E-2</c:v>
                </c:pt>
                <c:pt idx="557">
                  <c:v>-3.8460835962184081E-2</c:v>
                </c:pt>
                <c:pt idx="558">
                  <c:v>-3.3333594261661936E-2</c:v>
                </c:pt>
                <c:pt idx="559">
                  <c:v>-3.0768668769746821E-2</c:v>
                </c:pt>
                <c:pt idx="560">
                  <c:v>-2.0511576085394445E-2</c:v>
                </c:pt>
                <c:pt idx="561">
                  <c:v>-1.7949259876787416E-2</c:v>
                </c:pt>
                <c:pt idx="562">
                  <c:v>-3.3333594261661936E-2</c:v>
                </c:pt>
                <c:pt idx="563">
                  <c:v>2.3076501577314223E-2</c:v>
                </c:pt>
                <c:pt idx="564">
                  <c:v>1.2822018176269934E-2</c:v>
                </c:pt>
                <c:pt idx="565">
                  <c:v>7.6921671924397028E-3</c:v>
                </c:pt>
                <c:pt idx="566">
                  <c:v>1.025709268435504E-2</c:v>
                </c:pt>
                <c:pt idx="567">
                  <c:v>1.7949259876792301E-2</c:v>
                </c:pt>
                <c:pt idx="568">
                  <c:v>2.3076501577314446E-2</c:v>
                </c:pt>
                <c:pt idx="569">
                  <c:v>4.3590686946019197E-2</c:v>
                </c:pt>
                <c:pt idx="570">
                  <c:v>5.3847779630371795E-2</c:v>
                </c:pt>
                <c:pt idx="571">
                  <c:v>1.7949259876792301E-2</c:v>
                </c:pt>
                <c:pt idx="572">
                  <c:v>2.5641427069229561E-2</c:v>
                </c:pt>
                <c:pt idx="573">
                  <c:v>4.3590686946019197E-2</c:v>
                </c:pt>
                <c:pt idx="574">
                  <c:v>5.6410095838978602E-2</c:v>
                </c:pt>
                <c:pt idx="575">
                  <c:v>6.1539946822808833E-2</c:v>
                </c:pt>
                <c:pt idx="576">
                  <c:v>5.6410095838978602E-2</c:v>
                </c:pt>
                <c:pt idx="577">
                  <c:v>5.3847779630371795E-2</c:v>
                </c:pt>
                <c:pt idx="578">
                  <c:v>5.3847779630371795E-2</c:v>
                </c:pt>
                <c:pt idx="579">
                  <c:v>6.66671885233312E-2</c:v>
                </c:pt>
                <c:pt idx="580">
                  <c:v>5.6410095838978602E-2</c:v>
                </c:pt>
                <c:pt idx="581">
                  <c:v>5.3847779630371795E-2</c:v>
                </c:pt>
                <c:pt idx="582">
                  <c:v>4.3590686946019419E-2</c:v>
                </c:pt>
                <c:pt idx="583">
                  <c:v>3.0768668769751928E-2</c:v>
                </c:pt>
                <c:pt idx="584">
                  <c:v>2.3076501577314668E-2</c:v>
                </c:pt>
                <c:pt idx="585">
                  <c:v>2.8206352561144898E-2</c:v>
                </c:pt>
                <c:pt idx="586">
                  <c:v>5.3847779630371795E-2</c:v>
                </c:pt>
                <c:pt idx="587">
                  <c:v>4.8717928646541564E-2</c:v>
                </c:pt>
                <c:pt idx="588">
                  <c:v>7.6924281207683576E-2</c:v>
                </c:pt>
                <c:pt idx="589">
                  <c:v>7.9486597416290605E-2</c:v>
                </c:pt>
                <c:pt idx="590">
                  <c:v>8.7178764608727866E-2</c:v>
                </c:pt>
                <c:pt idx="591">
                  <c:v>9.7435857293080463E-2</c:v>
                </c:pt>
                <c:pt idx="592">
                  <c:v>0.11795004266178521</c:v>
                </c:pt>
                <c:pt idx="593">
                  <c:v>0.1051280244855175</c:v>
                </c:pt>
                <c:pt idx="594">
                  <c:v>0.10769294997743262</c:v>
                </c:pt>
                <c:pt idx="595">
                  <c:v>0.1153851171698701</c:v>
                </c:pt>
                <c:pt idx="596">
                  <c:v>0.10000078278499558</c:v>
                </c:pt>
                <c:pt idx="597">
                  <c:v>0.10000078278499558</c:v>
                </c:pt>
                <c:pt idx="598">
                  <c:v>0.1051280244855175</c:v>
                </c:pt>
                <c:pt idx="599">
                  <c:v>0.11025787546934773</c:v>
                </c:pt>
                <c:pt idx="600">
                  <c:v>9.7435857293080241E-2</c:v>
                </c:pt>
                <c:pt idx="601">
                  <c:v>8.7178764608727644E-2</c:v>
                </c:pt>
                <c:pt idx="602">
                  <c:v>9.2308615592557874E-2</c:v>
                </c:pt>
                <c:pt idx="603">
                  <c:v>8.4616448400120836E-2</c:v>
                </c:pt>
                <c:pt idx="604">
                  <c:v>0.11282019167795476</c:v>
                </c:pt>
                <c:pt idx="605">
                  <c:v>0.1538459531320564</c:v>
                </c:pt>
                <c:pt idx="606">
                  <c:v>0.1538459531320564</c:v>
                </c:pt>
                <c:pt idx="607">
                  <c:v>0.20256388177859508</c:v>
                </c:pt>
                <c:pt idx="608">
                  <c:v>0.14871871143153403</c:v>
                </c:pt>
                <c:pt idx="609">
                  <c:v>0.14615378593961892</c:v>
                </c:pt>
                <c:pt idx="610">
                  <c:v>0.18974447288563567</c:v>
                </c:pt>
                <c:pt idx="611">
                  <c:v>0.20512880727051019</c:v>
                </c:pt>
                <c:pt idx="612">
                  <c:v>0.20769373276242531</c:v>
                </c:pt>
                <c:pt idx="613">
                  <c:v>0.2282053088478222</c:v>
                </c:pt>
                <c:pt idx="614">
                  <c:v>0.2025638817785953</c:v>
                </c:pt>
                <c:pt idx="615">
                  <c:v>0.26666614481000894</c:v>
                </c:pt>
                <c:pt idx="616">
                  <c:v>0.24871949421652717</c:v>
                </c:pt>
                <c:pt idx="617">
                  <c:v>0.26666614481000872</c:v>
                </c:pt>
                <c:pt idx="618">
                  <c:v>0.29999973907167288</c:v>
                </c:pt>
                <c:pt idx="619">
                  <c:v>0.33077101712473</c:v>
                </c:pt>
                <c:pt idx="620">
                  <c:v>0.37179677857883142</c:v>
                </c:pt>
                <c:pt idx="621">
                  <c:v>0.38974342917231297</c:v>
                </c:pt>
                <c:pt idx="622">
                  <c:v>0.37435909478743845</c:v>
                </c:pt>
                <c:pt idx="623">
                  <c:v>0.3948732801561432</c:v>
                </c:pt>
                <c:pt idx="624">
                  <c:v>0.42307702343397713</c:v>
                </c:pt>
                <c:pt idx="625">
                  <c:v>0.42564194892589224</c:v>
                </c:pt>
                <c:pt idx="626">
                  <c:v>0.38974342917231275</c:v>
                </c:pt>
                <c:pt idx="627">
                  <c:v>0.40512776355718727</c:v>
                </c:pt>
                <c:pt idx="628">
                  <c:v>0.4102576145410175</c:v>
                </c:pt>
                <c:pt idx="629">
                  <c:v>0.40512776355718727</c:v>
                </c:pt>
                <c:pt idx="630">
                  <c:v>0.42307702343397691</c:v>
                </c:pt>
                <c:pt idx="631">
                  <c:v>0.39230835466422787</c:v>
                </c:pt>
                <c:pt idx="632">
                  <c:v>0.35384751870204156</c:v>
                </c:pt>
                <c:pt idx="633">
                  <c:v>0.35128259321012645</c:v>
                </c:pt>
                <c:pt idx="634">
                  <c:v>0.34359042601768897</c:v>
                </c:pt>
                <c:pt idx="635">
                  <c:v>0.32307884993229252</c:v>
                </c:pt>
                <c:pt idx="636">
                  <c:v>0.34359042601768897</c:v>
                </c:pt>
                <c:pt idx="637">
                  <c:v>0.35128259321012645</c:v>
                </c:pt>
                <c:pt idx="638">
                  <c:v>0.36153968589447905</c:v>
                </c:pt>
                <c:pt idx="639">
                  <c:v>0.34359042601768919</c:v>
                </c:pt>
                <c:pt idx="640">
                  <c:v>0.35128259321012667</c:v>
                </c:pt>
                <c:pt idx="641">
                  <c:v>0.32820609163281489</c:v>
                </c:pt>
                <c:pt idx="642">
                  <c:v>0.33589825882525237</c:v>
                </c:pt>
                <c:pt idx="643">
                  <c:v>0.34871766771821178</c:v>
                </c:pt>
                <c:pt idx="644">
                  <c:v>0.33846318431716749</c:v>
                </c:pt>
                <c:pt idx="645">
                  <c:v>0.35897476040256437</c:v>
                </c:pt>
                <c:pt idx="646">
                  <c:v>0.36153968589447927</c:v>
                </c:pt>
                <c:pt idx="647">
                  <c:v>0.32564116614089977</c:v>
                </c:pt>
                <c:pt idx="648">
                  <c:v>0.36923185308691631</c:v>
                </c:pt>
                <c:pt idx="649">
                  <c:v>0.39230835466422831</c:v>
                </c:pt>
                <c:pt idx="650">
                  <c:v>0.38461618747179105</c:v>
                </c:pt>
                <c:pt idx="651">
                  <c:v>0.35384751870204201</c:v>
                </c:pt>
                <c:pt idx="652">
                  <c:v>0.34102550052577429</c:v>
                </c:pt>
                <c:pt idx="653">
                  <c:v>0.32564116614089977</c:v>
                </c:pt>
                <c:pt idx="654">
                  <c:v>0.30512959005550311</c:v>
                </c:pt>
                <c:pt idx="655">
                  <c:v>0.30256466456358799</c:v>
                </c:pt>
                <c:pt idx="656">
                  <c:v>0.30769190626411014</c:v>
                </c:pt>
                <c:pt idx="657">
                  <c:v>0.25641166140896443</c:v>
                </c:pt>
                <c:pt idx="658">
                  <c:v>0.27948816298627621</c:v>
                </c:pt>
                <c:pt idx="659">
                  <c:v>0.23846240153217457</c:v>
                </c:pt>
                <c:pt idx="660">
                  <c:v>0.20256388177859508</c:v>
                </c:pt>
                <c:pt idx="661">
                  <c:v>0.22051314165538471</c:v>
                </c:pt>
                <c:pt idx="662">
                  <c:v>0.1794873802012833</c:v>
                </c:pt>
                <c:pt idx="663">
                  <c:v>0.2179482161634696</c:v>
                </c:pt>
                <c:pt idx="664">
                  <c:v>0.24615456872461183</c:v>
                </c:pt>
                <c:pt idx="665">
                  <c:v>0.24102732702408969</c:v>
                </c:pt>
                <c:pt idx="666">
                  <c:v>0.20512880727051042</c:v>
                </c:pt>
                <c:pt idx="667">
                  <c:v>0.2128209744629479</c:v>
                </c:pt>
                <c:pt idx="668">
                  <c:v>0.20512880727051042</c:v>
                </c:pt>
                <c:pt idx="669">
                  <c:v>0.18717954739372078</c:v>
                </c:pt>
                <c:pt idx="670">
                  <c:v>0.14615378593961914</c:v>
                </c:pt>
                <c:pt idx="671">
                  <c:v>0.16923028751693092</c:v>
                </c:pt>
                <c:pt idx="672">
                  <c:v>0.2179482161634696</c:v>
                </c:pt>
                <c:pt idx="673">
                  <c:v>0.23077023433973731</c:v>
                </c:pt>
                <c:pt idx="674">
                  <c:v>0.23077023433973731</c:v>
                </c:pt>
                <c:pt idx="675">
                  <c:v>0.25641166140896421</c:v>
                </c:pt>
                <c:pt idx="676">
                  <c:v>0.24871949421652695</c:v>
                </c:pt>
                <c:pt idx="677">
                  <c:v>0.25641166140896421</c:v>
                </c:pt>
                <c:pt idx="678">
                  <c:v>0.29999973907167288</c:v>
                </c:pt>
                <c:pt idx="679">
                  <c:v>0.30256466456358799</c:v>
                </c:pt>
                <c:pt idx="680">
                  <c:v>0.28974525567062859</c:v>
                </c:pt>
                <c:pt idx="681">
                  <c:v>0.27179599579383873</c:v>
                </c:pt>
                <c:pt idx="682">
                  <c:v>0.31025683175602525</c:v>
                </c:pt>
                <c:pt idx="683">
                  <c:v>0.28205308847819133</c:v>
                </c:pt>
                <c:pt idx="684">
                  <c:v>0.27435831200244598</c:v>
                </c:pt>
                <c:pt idx="685">
                  <c:v>0.26410382860140169</c:v>
                </c:pt>
                <c:pt idx="686">
                  <c:v>0.25897397761757146</c:v>
                </c:pt>
                <c:pt idx="687">
                  <c:v>0.26923107030192361</c:v>
                </c:pt>
                <c:pt idx="688">
                  <c:v>0.25641166140896421</c:v>
                </c:pt>
                <c:pt idx="689">
                  <c:v>0.21025604897103256</c:v>
                </c:pt>
                <c:pt idx="690">
                  <c:v>0.21538589995486279</c:v>
                </c:pt>
                <c:pt idx="691">
                  <c:v>0.22307806714730005</c:v>
                </c:pt>
                <c:pt idx="692">
                  <c:v>0.26666614481000872</c:v>
                </c:pt>
                <c:pt idx="693">
                  <c:v>0.27179599579383895</c:v>
                </c:pt>
                <c:pt idx="694">
                  <c:v>0.27948816298627621</c:v>
                </c:pt>
                <c:pt idx="695">
                  <c:v>0.28718033017871369</c:v>
                </c:pt>
                <c:pt idx="696">
                  <c:v>0.28461540468679858</c:v>
                </c:pt>
                <c:pt idx="697">
                  <c:v>0.26923107030192384</c:v>
                </c:pt>
                <c:pt idx="698">
                  <c:v>0.28205308847819155</c:v>
                </c:pt>
                <c:pt idx="699">
                  <c:v>0.31025683175602548</c:v>
                </c:pt>
                <c:pt idx="700">
                  <c:v>0.31794899894846274</c:v>
                </c:pt>
                <c:pt idx="701">
                  <c:v>0.30769190626411014</c:v>
                </c:pt>
                <c:pt idx="702">
                  <c:v>0.33333333333333703</c:v>
                </c:pt>
                <c:pt idx="703">
                  <c:v>0.33846318431716726</c:v>
                </c:pt>
                <c:pt idx="704">
                  <c:v>0.30512959005550311</c:v>
                </c:pt>
                <c:pt idx="705">
                  <c:v>0.29743742286306585</c:v>
                </c:pt>
                <c:pt idx="706">
                  <c:v>0.26923107030192361</c:v>
                </c:pt>
                <c:pt idx="707">
                  <c:v>0.29743742286306585</c:v>
                </c:pt>
                <c:pt idx="708">
                  <c:v>0.33333333333333703</c:v>
                </c:pt>
                <c:pt idx="709">
                  <c:v>0.33333333333333703</c:v>
                </c:pt>
                <c:pt idx="710">
                  <c:v>0.33333333333333703</c:v>
                </c:pt>
                <c:pt idx="711">
                  <c:v>0.35128259321012667</c:v>
                </c:pt>
                <c:pt idx="712">
                  <c:v>0.34359042601768919</c:v>
                </c:pt>
                <c:pt idx="713">
                  <c:v>0.35128259321012667</c:v>
                </c:pt>
                <c:pt idx="714">
                  <c:v>0.36923185308691631</c:v>
                </c:pt>
                <c:pt idx="715">
                  <c:v>0.37179677857883142</c:v>
                </c:pt>
                <c:pt idx="716">
                  <c:v>0.36153968589447905</c:v>
                </c:pt>
                <c:pt idx="717">
                  <c:v>0.36666692759500097</c:v>
                </c:pt>
                <c:pt idx="718">
                  <c:v>0.40256544734858024</c:v>
                </c:pt>
                <c:pt idx="719">
                  <c:v>0.4102576145410175</c:v>
                </c:pt>
                <c:pt idx="720">
                  <c:v>0.42820687441780714</c:v>
                </c:pt>
                <c:pt idx="721">
                  <c:v>0.42307702343397691</c:v>
                </c:pt>
                <c:pt idx="722">
                  <c:v>0.40512776355718727</c:v>
                </c:pt>
                <c:pt idx="723">
                  <c:v>0.40256544734858024</c:v>
                </c:pt>
                <c:pt idx="724">
                  <c:v>0.36410200210308563</c:v>
                </c:pt>
                <c:pt idx="725">
                  <c:v>0.36666692759500075</c:v>
                </c:pt>
                <c:pt idx="726">
                  <c:v>0.32820609163281445</c:v>
                </c:pt>
                <c:pt idx="727">
                  <c:v>0.34102550052577385</c:v>
                </c:pt>
                <c:pt idx="728">
                  <c:v>0.34871766771821133</c:v>
                </c:pt>
                <c:pt idx="729">
                  <c:v>0.36666692759500097</c:v>
                </c:pt>
                <c:pt idx="730">
                  <c:v>0.34871766771821133</c:v>
                </c:pt>
                <c:pt idx="731">
                  <c:v>0.38718111296370594</c:v>
                </c:pt>
                <c:pt idx="732">
                  <c:v>0.37948894577126868</c:v>
                </c:pt>
                <c:pt idx="733">
                  <c:v>0.35897476040256393</c:v>
                </c:pt>
                <c:pt idx="734">
                  <c:v>0.33846318431716726</c:v>
                </c:pt>
                <c:pt idx="735">
                  <c:v>0.34359042601768941</c:v>
                </c:pt>
                <c:pt idx="736">
                  <c:v>0.34102550052577429</c:v>
                </c:pt>
                <c:pt idx="737">
                  <c:v>0.36410200210308608</c:v>
                </c:pt>
                <c:pt idx="738">
                  <c:v>0.34871766771821155</c:v>
                </c:pt>
                <c:pt idx="739">
                  <c:v>0.34102550052577429</c:v>
                </c:pt>
                <c:pt idx="740">
                  <c:v>0.32564116614089977</c:v>
                </c:pt>
                <c:pt idx="741">
                  <c:v>0.3153840734565474</c:v>
                </c:pt>
                <c:pt idx="742">
                  <c:v>0.31794899894846251</c:v>
                </c:pt>
                <c:pt idx="743">
                  <c:v>0.29999973907167288</c:v>
                </c:pt>
                <c:pt idx="744">
                  <c:v>0.29999973907167288</c:v>
                </c:pt>
                <c:pt idx="745">
                  <c:v>0.32307884993229274</c:v>
                </c:pt>
                <c:pt idx="746">
                  <c:v>0.31794899894846251</c:v>
                </c:pt>
                <c:pt idx="747">
                  <c:v>0.33846318431716749</c:v>
                </c:pt>
                <c:pt idx="748">
                  <c:v>0.35384751870204201</c:v>
                </c:pt>
                <c:pt idx="749">
                  <c:v>0.38205126197987571</c:v>
                </c:pt>
                <c:pt idx="750">
                  <c:v>0.39487328015614342</c:v>
                </c:pt>
                <c:pt idx="751">
                  <c:v>0.37179677857883142</c:v>
                </c:pt>
                <c:pt idx="752">
                  <c:v>0.38461618747179083</c:v>
                </c:pt>
                <c:pt idx="753">
                  <c:v>0.36923185308691631</c:v>
                </c:pt>
                <c:pt idx="754">
                  <c:v>0.33589825882525215</c:v>
                </c:pt>
                <c:pt idx="755">
                  <c:v>0.34102550052577407</c:v>
                </c:pt>
                <c:pt idx="756">
                  <c:v>0.35897476040256415</c:v>
                </c:pt>
                <c:pt idx="757">
                  <c:v>0.36923185308691653</c:v>
                </c:pt>
                <c:pt idx="758">
                  <c:v>0.30512959005550333</c:v>
                </c:pt>
                <c:pt idx="759">
                  <c:v>0.30512959005550333</c:v>
                </c:pt>
                <c:pt idx="760">
                  <c:v>0.30256466456358821</c:v>
                </c:pt>
                <c:pt idx="761">
                  <c:v>0.30256466456358821</c:v>
                </c:pt>
                <c:pt idx="762">
                  <c:v>0.29743742286306585</c:v>
                </c:pt>
                <c:pt idx="763">
                  <c:v>0.26410382860140169</c:v>
                </c:pt>
                <c:pt idx="764">
                  <c:v>0.28718033017871369</c:v>
                </c:pt>
                <c:pt idx="765">
                  <c:v>0.30256466456358821</c:v>
                </c:pt>
                <c:pt idx="766">
                  <c:v>0.28974525567062881</c:v>
                </c:pt>
                <c:pt idx="767">
                  <c:v>0.27948816298627621</c:v>
                </c:pt>
                <c:pt idx="768">
                  <c:v>0.25641166140896421</c:v>
                </c:pt>
                <c:pt idx="769">
                  <c:v>0.24615456872461183</c:v>
                </c:pt>
                <c:pt idx="770">
                  <c:v>0.24358964323269672</c:v>
                </c:pt>
                <c:pt idx="771">
                  <c:v>0.23077023433973731</c:v>
                </c:pt>
                <c:pt idx="772">
                  <c:v>0.23077023433973731</c:v>
                </c:pt>
                <c:pt idx="773">
                  <c:v>0.26153890310948658</c:v>
                </c:pt>
                <c:pt idx="774">
                  <c:v>0.25128181042513398</c:v>
                </c:pt>
                <c:pt idx="775">
                  <c:v>0.23589747604025946</c:v>
                </c:pt>
                <c:pt idx="776">
                  <c:v>0.23077023433973753</c:v>
                </c:pt>
                <c:pt idx="777">
                  <c:v>0.23846240153217457</c:v>
                </c:pt>
                <c:pt idx="778">
                  <c:v>0.24615456872461183</c:v>
                </c:pt>
                <c:pt idx="779">
                  <c:v>0.24615456872461183</c:v>
                </c:pt>
                <c:pt idx="780">
                  <c:v>0.25897397761757102</c:v>
                </c:pt>
                <c:pt idx="781">
                  <c:v>0.25897397761757102</c:v>
                </c:pt>
                <c:pt idx="782">
                  <c:v>0.25897397761757102</c:v>
                </c:pt>
                <c:pt idx="783">
                  <c:v>0.25897397761757102</c:v>
                </c:pt>
                <c:pt idx="784">
                  <c:v>0.25897397761757102</c:v>
                </c:pt>
                <c:pt idx="785">
                  <c:v>0.25128181042513353</c:v>
                </c:pt>
                <c:pt idx="786">
                  <c:v>0.23846240153217413</c:v>
                </c:pt>
                <c:pt idx="787">
                  <c:v>0.23846240153217413</c:v>
                </c:pt>
                <c:pt idx="788">
                  <c:v>0.25128181042513353</c:v>
                </c:pt>
                <c:pt idx="789">
                  <c:v>0.24871949421652673</c:v>
                </c:pt>
                <c:pt idx="790">
                  <c:v>0.25897397761757102</c:v>
                </c:pt>
                <c:pt idx="791">
                  <c:v>0.25897397761757102</c:v>
                </c:pt>
                <c:pt idx="792">
                  <c:v>0.26410382860140125</c:v>
                </c:pt>
                <c:pt idx="793">
                  <c:v>0.24102732702408947</c:v>
                </c:pt>
                <c:pt idx="794">
                  <c:v>0.24102732702408947</c:v>
                </c:pt>
                <c:pt idx="795">
                  <c:v>0.24615456872461161</c:v>
                </c:pt>
                <c:pt idx="796">
                  <c:v>0.25897397761757079</c:v>
                </c:pt>
                <c:pt idx="797">
                  <c:v>0.25128181042513331</c:v>
                </c:pt>
                <c:pt idx="798">
                  <c:v>0.25641166140896376</c:v>
                </c:pt>
                <c:pt idx="799">
                  <c:v>0.24615456872461139</c:v>
                </c:pt>
                <c:pt idx="800">
                  <c:v>0.23846240153217413</c:v>
                </c:pt>
                <c:pt idx="801">
                  <c:v>0.23589747604025901</c:v>
                </c:pt>
                <c:pt idx="802">
                  <c:v>0.25128181042513353</c:v>
                </c:pt>
                <c:pt idx="803">
                  <c:v>0.24615456872461139</c:v>
                </c:pt>
                <c:pt idx="804">
                  <c:v>0.24615456872461139</c:v>
                </c:pt>
                <c:pt idx="805">
                  <c:v>0.2487194942165265</c:v>
                </c:pt>
                <c:pt idx="806">
                  <c:v>0.24358964323269627</c:v>
                </c:pt>
                <c:pt idx="807">
                  <c:v>0.25128181042513353</c:v>
                </c:pt>
                <c:pt idx="808">
                  <c:v>0.24871949421652673</c:v>
                </c:pt>
                <c:pt idx="809">
                  <c:v>0.25641166140896399</c:v>
                </c:pt>
                <c:pt idx="810">
                  <c:v>0.28461540468679813</c:v>
                </c:pt>
                <c:pt idx="811">
                  <c:v>0.28718033017871325</c:v>
                </c:pt>
                <c:pt idx="812">
                  <c:v>0.27692323749436065</c:v>
                </c:pt>
                <c:pt idx="813">
                  <c:v>0.28718033017871325</c:v>
                </c:pt>
                <c:pt idx="814">
                  <c:v>0.28461540468679813</c:v>
                </c:pt>
                <c:pt idx="815">
                  <c:v>0.28205308847819111</c:v>
                </c:pt>
                <c:pt idx="816">
                  <c:v>0.27948816298627599</c:v>
                </c:pt>
                <c:pt idx="817">
                  <c:v>0.27435831200244576</c:v>
                </c:pt>
                <c:pt idx="818">
                  <c:v>0.26153890310948635</c:v>
                </c:pt>
                <c:pt idx="819">
                  <c:v>0.27948816298627599</c:v>
                </c:pt>
                <c:pt idx="820">
                  <c:v>0.26923107030192339</c:v>
                </c:pt>
                <c:pt idx="821">
                  <c:v>0.26923107030192339</c:v>
                </c:pt>
                <c:pt idx="822">
                  <c:v>0.25641166140896399</c:v>
                </c:pt>
                <c:pt idx="823">
                  <c:v>0.19487171458615782</c:v>
                </c:pt>
                <c:pt idx="824">
                  <c:v>0.18205230569319819</c:v>
                </c:pt>
                <c:pt idx="825">
                  <c:v>0.19230939837755079</c:v>
                </c:pt>
                <c:pt idx="826">
                  <c:v>0.17436013850076115</c:v>
                </c:pt>
                <c:pt idx="827">
                  <c:v>0.16666797130832389</c:v>
                </c:pt>
                <c:pt idx="828">
                  <c:v>0.16153812032449366</c:v>
                </c:pt>
                <c:pt idx="829">
                  <c:v>0.14359146973101233</c:v>
                </c:pt>
                <c:pt idx="830">
                  <c:v>0.14871871143153426</c:v>
                </c:pt>
                <c:pt idx="831">
                  <c:v>0.15128363692344937</c:v>
                </c:pt>
                <c:pt idx="832">
                  <c:v>0.16410304581640878</c:v>
                </c:pt>
                <c:pt idx="833">
                  <c:v>0.15128363692344937</c:v>
                </c:pt>
                <c:pt idx="834">
                  <c:v>0.1538459531320564</c:v>
                </c:pt>
                <c:pt idx="835">
                  <c:v>0.12820452606282928</c:v>
                </c:pt>
                <c:pt idx="836">
                  <c:v>0.12564220985422248</c:v>
                </c:pt>
                <c:pt idx="837">
                  <c:v>0.13589669325526677</c:v>
                </c:pt>
                <c:pt idx="838">
                  <c:v>0.13589669325526677</c:v>
                </c:pt>
                <c:pt idx="839">
                  <c:v>0.16923028751693092</c:v>
                </c:pt>
                <c:pt idx="840">
                  <c:v>0.17436013850076137</c:v>
                </c:pt>
                <c:pt idx="841">
                  <c:v>0.16153812032449366</c:v>
                </c:pt>
                <c:pt idx="842">
                  <c:v>0.12564220985422248</c:v>
                </c:pt>
                <c:pt idx="843">
                  <c:v>0.12564220985422248</c:v>
                </c:pt>
                <c:pt idx="844">
                  <c:v>0.1307694515547444</c:v>
                </c:pt>
                <c:pt idx="845">
                  <c:v>0.14359146973101211</c:v>
                </c:pt>
                <c:pt idx="846">
                  <c:v>0.16666797130832389</c:v>
                </c:pt>
                <c:pt idx="847">
                  <c:v>0.15384595313205662</c:v>
                </c:pt>
                <c:pt idx="848">
                  <c:v>0.15897580411588685</c:v>
                </c:pt>
                <c:pt idx="849">
                  <c:v>0.12051235887039224</c:v>
                </c:pt>
                <c:pt idx="850">
                  <c:v>0.11025787546934773</c:v>
                </c:pt>
                <c:pt idx="851">
                  <c:v>9.2308615592558096E-2</c:v>
                </c:pt>
                <c:pt idx="852">
                  <c:v>8.4616448400121058E-2</c:v>
                </c:pt>
                <c:pt idx="853">
                  <c:v>7.9486597416290827E-2</c:v>
                </c:pt>
                <c:pt idx="854">
                  <c:v>8.2051522908205943E-2</c:v>
                </c:pt>
                <c:pt idx="855">
                  <c:v>8.2051522908205943E-2</c:v>
                </c:pt>
                <c:pt idx="856">
                  <c:v>5.6410095838978824E-2</c:v>
                </c:pt>
                <c:pt idx="857">
                  <c:v>5.1282854138456901E-2</c:v>
                </c:pt>
                <c:pt idx="858">
                  <c:v>7.6924281207683798E-2</c:v>
                </c:pt>
                <c:pt idx="859">
                  <c:v>6.1539946822809277E-2</c:v>
                </c:pt>
                <c:pt idx="860">
                  <c:v>6.923211401524676E-2</c:v>
                </c:pt>
                <c:pt idx="861">
                  <c:v>8.4616448400121502E-2</c:v>
                </c:pt>
                <c:pt idx="862">
                  <c:v>6.9232114015246982E-2</c:v>
                </c:pt>
                <c:pt idx="863">
                  <c:v>9.7435857293080907E-2</c:v>
                </c:pt>
                <c:pt idx="864">
                  <c:v>9.4873541084473878E-2</c:v>
                </c:pt>
                <c:pt idx="865">
                  <c:v>8.717876460872831E-2</c:v>
                </c:pt>
                <c:pt idx="866">
                  <c:v>9.4873541084473878E-2</c:v>
                </c:pt>
                <c:pt idx="867">
                  <c:v>9.4873541084473878E-2</c:v>
                </c:pt>
                <c:pt idx="868">
                  <c:v>9.2308615592558763E-2</c:v>
                </c:pt>
                <c:pt idx="869">
                  <c:v>5.641009583897949E-2</c:v>
                </c:pt>
                <c:pt idx="870">
                  <c:v>4.102576145410497E-2</c:v>
                </c:pt>
                <c:pt idx="871">
                  <c:v>3.5898519753582825E-2</c:v>
                </c:pt>
                <c:pt idx="872">
                  <c:v>4.102576145410497E-2</c:v>
                </c:pt>
                <c:pt idx="873">
                  <c:v>4.102576145410497E-2</c:v>
                </c:pt>
                <c:pt idx="874">
                  <c:v>6.1539946822809721E-2</c:v>
                </c:pt>
                <c:pt idx="875">
                  <c:v>5.641009583897949E-2</c:v>
                </c:pt>
                <c:pt idx="876">
                  <c:v>5.8975021330894606E-2</c:v>
                </c:pt>
                <c:pt idx="877">
                  <c:v>7.4359355715769349E-2</c:v>
                </c:pt>
                <c:pt idx="878">
                  <c:v>0.10256570827691158</c:v>
                </c:pt>
                <c:pt idx="879">
                  <c:v>8.9743690100643869E-2</c:v>
                </c:pt>
                <c:pt idx="880">
                  <c:v>8.9743690100643869E-2</c:v>
                </c:pt>
                <c:pt idx="881">
                  <c:v>7.1794430223854233E-2</c:v>
                </c:pt>
                <c:pt idx="882">
                  <c:v>6.4102263031417195E-2</c:v>
                </c:pt>
                <c:pt idx="883">
                  <c:v>7.4359355715769349E-2</c:v>
                </c:pt>
                <c:pt idx="884">
                  <c:v>8.7178764608728754E-2</c:v>
                </c:pt>
                <c:pt idx="885">
                  <c:v>8.2051522908206609E-2</c:v>
                </c:pt>
                <c:pt idx="886">
                  <c:v>9.2308615592558985E-2</c:v>
                </c:pt>
                <c:pt idx="887">
                  <c:v>0.10769294997743351</c:v>
                </c:pt>
                <c:pt idx="888">
                  <c:v>0.11025787546934862</c:v>
                </c:pt>
                <c:pt idx="889">
                  <c:v>9.743585729308113E-2</c:v>
                </c:pt>
                <c:pt idx="890">
                  <c:v>0.11795004266178588</c:v>
                </c:pt>
                <c:pt idx="891">
                  <c:v>0.11795004266178588</c:v>
                </c:pt>
                <c:pt idx="892">
                  <c:v>0.10512802448551817</c:v>
                </c:pt>
                <c:pt idx="893">
                  <c:v>0.12051235887039291</c:v>
                </c:pt>
                <c:pt idx="894">
                  <c:v>0.10256570827691136</c:v>
                </c:pt>
                <c:pt idx="895">
                  <c:v>0.10000078278499624</c:v>
                </c:pt>
                <c:pt idx="896">
                  <c:v>8.4616448400121724E-2</c:v>
                </c:pt>
                <c:pt idx="897">
                  <c:v>9.2308615592558985E-2</c:v>
                </c:pt>
                <c:pt idx="898">
                  <c:v>8.7178764608728754E-2</c:v>
                </c:pt>
                <c:pt idx="899">
                  <c:v>6.9232114015247426E-2</c:v>
                </c:pt>
                <c:pt idx="900">
                  <c:v>7.4359355715769349E-2</c:v>
                </c:pt>
                <c:pt idx="901">
                  <c:v>5.6410095838979712E-2</c:v>
                </c:pt>
                <c:pt idx="902">
                  <c:v>5.8975021330894828E-2</c:v>
                </c:pt>
                <c:pt idx="903">
                  <c:v>7.4359355715769571E-2</c:v>
                </c:pt>
                <c:pt idx="904">
                  <c:v>6.666718852333231E-2</c:v>
                </c:pt>
                <c:pt idx="905">
                  <c:v>6.4102263031417195E-2</c:v>
                </c:pt>
                <c:pt idx="906">
                  <c:v>7.1794430223854455E-2</c:v>
                </c:pt>
                <c:pt idx="907">
                  <c:v>6.6667188523332532E-2</c:v>
                </c:pt>
                <c:pt idx="908">
                  <c:v>6.6667188523332532E-2</c:v>
                </c:pt>
                <c:pt idx="909">
                  <c:v>6.1539946822810165E-2</c:v>
                </c:pt>
                <c:pt idx="910">
                  <c:v>4.6155612437935645E-2</c:v>
                </c:pt>
                <c:pt idx="911">
                  <c:v>5.6410095838979935E-2</c:v>
                </c:pt>
                <c:pt idx="912">
                  <c:v>5.1282854138458012E-2</c:v>
                </c:pt>
                <c:pt idx="913">
                  <c:v>5.6410095838979935E-2</c:v>
                </c:pt>
                <c:pt idx="914">
                  <c:v>4.6155612437935645E-2</c:v>
                </c:pt>
                <c:pt idx="915">
                  <c:v>4.6155612437935645E-2</c:v>
                </c:pt>
                <c:pt idx="916">
                  <c:v>5.1282854138458012E-2</c:v>
                </c:pt>
                <c:pt idx="917">
                  <c:v>5.1282854138458012E-2</c:v>
                </c:pt>
                <c:pt idx="918">
                  <c:v>6.4102263031417417E-2</c:v>
                </c:pt>
                <c:pt idx="919">
                  <c:v>5.8975021330895272E-2</c:v>
                </c:pt>
                <c:pt idx="920">
                  <c:v>4.8717928646542896E-2</c:v>
                </c:pt>
                <c:pt idx="921">
                  <c:v>4.1025761454105636E-2</c:v>
                </c:pt>
                <c:pt idx="922">
                  <c:v>4.3590686946020751E-2</c:v>
                </c:pt>
                <c:pt idx="923">
                  <c:v>4.6155612437935867E-2</c:v>
                </c:pt>
                <c:pt idx="924">
                  <c:v>3.5898519753583491E-2</c:v>
                </c:pt>
                <c:pt idx="925">
                  <c:v>3.3333594261668376E-2</c:v>
                </c:pt>
                <c:pt idx="926">
                  <c:v>1.7949259876793855E-2</c:v>
                </c:pt>
                <c:pt idx="927">
                  <c:v>1.5384334384878739E-2</c:v>
                </c:pt>
                <c:pt idx="928">
                  <c:v>1.7949259876793855E-2</c:v>
                </c:pt>
                <c:pt idx="929">
                  <c:v>2.5641427069231115E-2</c:v>
                </c:pt>
                <c:pt idx="930">
                  <c:v>2.5641427069231115E-2</c:v>
                </c:pt>
                <c:pt idx="931">
                  <c:v>2.8206352561146231E-2</c:v>
                </c:pt>
                <c:pt idx="932">
                  <c:v>3.5898519753583491E-2</c:v>
                </c:pt>
                <c:pt idx="933">
                  <c:v>5.3847779630373349E-2</c:v>
                </c:pt>
                <c:pt idx="934">
                  <c:v>7.6924281207684908E-2</c:v>
                </c:pt>
                <c:pt idx="935">
                  <c:v>7.4359355715769793E-2</c:v>
                </c:pt>
                <c:pt idx="936">
                  <c:v>8.461644840012239E-2</c:v>
                </c:pt>
                <c:pt idx="937">
                  <c:v>0.12307728436230869</c:v>
                </c:pt>
                <c:pt idx="938">
                  <c:v>0.19743664007807449</c:v>
                </c:pt>
                <c:pt idx="939">
                  <c:v>0.19743664007807449</c:v>
                </c:pt>
                <c:pt idx="940">
                  <c:v>0.18717954739372189</c:v>
                </c:pt>
                <c:pt idx="941">
                  <c:v>0.17692245470936929</c:v>
                </c:pt>
                <c:pt idx="942">
                  <c:v>0.15641087862397263</c:v>
                </c:pt>
                <c:pt idx="943">
                  <c:v>0.14871871143153537</c:v>
                </c:pt>
                <c:pt idx="944">
                  <c:v>0.16153812032449477</c:v>
                </c:pt>
                <c:pt idx="945">
                  <c:v>0.14102654423909811</c:v>
                </c:pt>
                <c:pt idx="946">
                  <c:v>0.14102654423909811</c:v>
                </c:pt>
                <c:pt idx="947">
                  <c:v>0.14359146973101322</c:v>
                </c:pt>
                <c:pt idx="948">
                  <c:v>0.1179500426617861</c:v>
                </c:pt>
                <c:pt idx="949">
                  <c:v>0.13846161874718299</c:v>
                </c:pt>
                <c:pt idx="950">
                  <c:v>0.13846161874718299</c:v>
                </c:pt>
                <c:pt idx="951">
                  <c:v>0.17436013850076226</c:v>
                </c:pt>
                <c:pt idx="952">
                  <c:v>0.18461723118511464</c:v>
                </c:pt>
                <c:pt idx="953">
                  <c:v>0.23589747604026057</c:v>
                </c:pt>
                <c:pt idx="954">
                  <c:v>0.22820530884782353</c:v>
                </c:pt>
                <c:pt idx="955">
                  <c:v>0.22564038335590841</c:v>
                </c:pt>
                <c:pt idx="956">
                  <c:v>0.21538589995486412</c:v>
                </c:pt>
                <c:pt idx="957">
                  <c:v>0.22307806714730138</c:v>
                </c:pt>
                <c:pt idx="958">
                  <c:v>0.20000156556998938</c:v>
                </c:pt>
                <c:pt idx="959">
                  <c:v>0.28205308847819266</c:v>
                </c:pt>
                <c:pt idx="960">
                  <c:v>0.15330322220396186</c:v>
                </c:pt>
                <c:pt idx="961">
                  <c:v>0.14547537227950058</c:v>
                </c:pt>
                <c:pt idx="962">
                  <c:v>0.12721038912242433</c:v>
                </c:pt>
                <c:pt idx="963">
                  <c:v>0.11938253919796304</c:v>
                </c:pt>
                <c:pt idx="964">
                  <c:v>9.5898989424579195E-2</c:v>
                </c:pt>
                <c:pt idx="965">
                  <c:v>0.11938253919796304</c:v>
                </c:pt>
                <c:pt idx="966">
                  <c:v>0.1376475223550393</c:v>
                </c:pt>
                <c:pt idx="967">
                  <c:v>0.12981967243057801</c:v>
                </c:pt>
                <c:pt idx="968">
                  <c:v>0.1324289557387317</c:v>
                </c:pt>
                <c:pt idx="969">
                  <c:v>0.12460110581427042</c:v>
                </c:pt>
                <c:pt idx="970">
                  <c:v>0.10894540596534807</c:v>
                </c:pt>
                <c:pt idx="971">
                  <c:v>9.8508272732733104E-2</c:v>
                </c:pt>
                <c:pt idx="972">
                  <c:v>0.1037268393490407</c:v>
                </c:pt>
                <c:pt idx="973">
                  <c:v>0.11677325588980936</c:v>
                </c:pt>
                <c:pt idx="974">
                  <c:v>0.11416397258165545</c:v>
                </c:pt>
                <c:pt idx="975">
                  <c:v>0.10111755604088657</c:v>
                </c:pt>
                <c:pt idx="976">
                  <c:v>0.10372683934904048</c:v>
                </c:pt>
                <c:pt idx="977">
                  <c:v>0.10111755604088657</c:v>
                </c:pt>
                <c:pt idx="978">
                  <c:v>9.3289706116425508E-2</c:v>
                </c:pt>
                <c:pt idx="979">
                  <c:v>9.8508272732732882E-2</c:v>
                </c:pt>
                <c:pt idx="980">
                  <c:v>9.0680422808271599E-2</c:v>
                </c:pt>
                <c:pt idx="981">
                  <c:v>9.0680422808271599E-2</c:v>
                </c:pt>
                <c:pt idx="982">
                  <c:v>9.0680422808271599E-2</c:v>
                </c:pt>
                <c:pt idx="983">
                  <c:v>8.2852572883810538E-2</c:v>
                </c:pt>
                <c:pt idx="984">
                  <c:v>6.4587589726734063E-2</c:v>
                </c:pt>
                <c:pt idx="985">
                  <c:v>7.2415439651195346E-2</c:v>
                </c:pt>
                <c:pt idx="986">
                  <c:v>0.10633612265719439</c:v>
                </c:pt>
                <c:pt idx="987">
                  <c:v>0.10633612265719439</c:v>
                </c:pt>
                <c:pt idx="988">
                  <c:v>0.10633612265719439</c:v>
                </c:pt>
                <c:pt idx="989">
                  <c:v>9.328970611642573E-2</c:v>
                </c:pt>
                <c:pt idx="990">
                  <c:v>8.5461856191964447E-2</c:v>
                </c:pt>
                <c:pt idx="991">
                  <c:v>0.12199182250611695</c:v>
                </c:pt>
                <c:pt idx="992">
                  <c:v>0.10633612265719439</c:v>
                </c:pt>
                <c:pt idx="993">
                  <c:v>0.11155468927350176</c:v>
                </c:pt>
                <c:pt idx="994">
                  <c:v>0.11938253919796304</c:v>
                </c:pt>
                <c:pt idx="995">
                  <c:v>0.1324289557387317</c:v>
                </c:pt>
                <c:pt idx="996">
                  <c:v>0.13503823904688539</c:v>
                </c:pt>
                <c:pt idx="997">
                  <c:v>0.10372683934904048</c:v>
                </c:pt>
                <c:pt idx="998">
                  <c:v>0.11155468927350154</c:v>
                </c:pt>
                <c:pt idx="999">
                  <c:v>0.10372683934904048</c:v>
                </c:pt>
                <c:pt idx="1000">
                  <c:v>8.2852572883810316E-2</c:v>
                </c:pt>
                <c:pt idx="1001">
                  <c:v>0.10111755604088657</c:v>
                </c:pt>
                <c:pt idx="1002">
                  <c:v>9.3289706116425508E-2</c:v>
                </c:pt>
                <c:pt idx="1003">
                  <c:v>9.3289706116425508E-2</c:v>
                </c:pt>
                <c:pt idx="1004">
                  <c:v>9.5898989424579195E-2</c:v>
                </c:pt>
                <c:pt idx="1005">
                  <c:v>0.10633612265719417</c:v>
                </c:pt>
                <c:pt idx="1006">
                  <c:v>9.8508272732732882E-2</c:v>
                </c:pt>
                <c:pt idx="1007">
                  <c:v>0.10894540596534785</c:v>
                </c:pt>
                <c:pt idx="1008">
                  <c:v>0.11155468927350154</c:v>
                </c:pt>
                <c:pt idx="1009">
                  <c:v>0.10633612265719417</c:v>
                </c:pt>
                <c:pt idx="1010">
                  <c:v>0.11416397258165523</c:v>
                </c:pt>
                <c:pt idx="1011">
                  <c:v>0.11938253919796282</c:v>
                </c:pt>
                <c:pt idx="1012">
                  <c:v>0.14025680566319298</c:v>
                </c:pt>
                <c:pt idx="1013">
                  <c:v>0.1324289557387317</c:v>
                </c:pt>
                <c:pt idx="1014">
                  <c:v>0.1324289557387317</c:v>
                </c:pt>
                <c:pt idx="1015">
                  <c:v>0.12981967243057801</c:v>
                </c:pt>
                <c:pt idx="1016">
                  <c:v>0.12981967243057801</c:v>
                </c:pt>
                <c:pt idx="1017">
                  <c:v>0.12199182250611673</c:v>
                </c:pt>
                <c:pt idx="1018">
                  <c:v>0.10372683934904048</c:v>
                </c:pt>
                <c:pt idx="1019">
                  <c:v>0.10372683934904048</c:v>
                </c:pt>
                <c:pt idx="1020">
                  <c:v>0.10633612265719417</c:v>
                </c:pt>
                <c:pt idx="1021">
                  <c:v>0.11416397258165523</c:v>
                </c:pt>
                <c:pt idx="1022">
                  <c:v>0.11155468927350154</c:v>
                </c:pt>
                <c:pt idx="1023">
                  <c:v>0.11416397258165523</c:v>
                </c:pt>
                <c:pt idx="1024">
                  <c:v>0.11677325588980914</c:v>
                </c:pt>
                <c:pt idx="1025">
                  <c:v>0.12199182250611651</c:v>
                </c:pt>
                <c:pt idx="1026">
                  <c:v>0.13503823904688539</c:v>
                </c:pt>
                <c:pt idx="1027">
                  <c:v>0.14808465558765427</c:v>
                </c:pt>
                <c:pt idx="1028">
                  <c:v>0.15069393889580796</c:v>
                </c:pt>
                <c:pt idx="1029">
                  <c:v>0.15330322220396164</c:v>
                </c:pt>
                <c:pt idx="1030">
                  <c:v>0.13503823904688517</c:v>
                </c:pt>
                <c:pt idx="1031">
                  <c:v>0.12199182250611629</c:v>
                </c:pt>
                <c:pt idx="1032">
                  <c:v>0.1193825391979626</c:v>
                </c:pt>
                <c:pt idx="1033">
                  <c:v>0.114163972581655</c:v>
                </c:pt>
                <c:pt idx="1034">
                  <c:v>0.12460110581426997</c:v>
                </c:pt>
                <c:pt idx="1035">
                  <c:v>0.11416397258165478</c:v>
                </c:pt>
                <c:pt idx="1036">
                  <c:v>0.1115546892735011</c:v>
                </c:pt>
                <c:pt idx="1037">
                  <c:v>0.13242895573873126</c:v>
                </c:pt>
                <c:pt idx="1038">
                  <c:v>0.13764752235503885</c:v>
                </c:pt>
                <c:pt idx="1039">
                  <c:v>0.14808465558765382</c:v>
                </c:pt>
                <c:pt idx="1040">
                  <c:v>0.15069393889580751</c:v>
                </c:pt>
                <c:pt idx="1041">
                  <c:v>0.16374035543657617</c:v>
                </c:pt>
                <c:pt idx="1042">
                  <c:v>0.17417748866919114</c:v>
                </c:pt>
                <c:pt idx="1043">
                  <c:v>0.17678677197734483</c:v>
                </c:pt>
                <c:pt idx="1044">
                  <c:v>0.17939605528549851</c:v>
                </c:pt>
                <c:pt idx="1045">
                  <c:v>0.16634963874472986</c:v>
                </c:pt>
                <c:pt idx="1046">
                  <c:v>0.17417748866919114</c:v>
                </c:pt>
                <c:pt idx="1047">
                  <c:v>0.1950517551344213</c:v>
                </c:pt>
                <c:pt idx="1048">
                  <c:v>0.19244247182626761</c:v>
                </c:pt>
                <c:pt idx="1049">
                  <c:v>0.18722390520996002</c:v>
                </c:pt>
                <c:pt idx="1050">
                  <c:v>0.19766103844257499</c:v>
                </c:pt>
                <c:pt idx="1051">
                  <c:v>0.20287960505888258</c:v>
                </c:pt>
                <c:pt idx="1052">
                  <c:v>0.20809817167518996</c:v>
                </c:pt>
                <c:pt idx="1053">
                  <c:v>0.20809817167518996</c:v>
                </c:pt>
                <c:pt idx="1054">
                  <c:v>0.22636315483226621</c:v>
                </c:pt>
                <c:pt idx="1055">
                  <c:v>0.21853530490780493</c:v>
                </c:pt>
                <c:pt idx="1056">
                  <c:v>0.18983318851811348</c:v>
                </c:pt>
                <c:pt idx="1057">
                  <c:v>0.18983318851811348</c:v>
                </c:pt>
                <c:pt idx="1058">
                  <c:v>0.19505175513442108</c:v>
                </c:pt>
                <c:pt idx="1059">
                  <c:v>0.18461462190180611</c:v>
                </c:pt>
                <c:pt idx="1060">
                  <c:v>0.17156820536103745</c:v>
                </c:pt>
                <c:pt idx="1061">
                  <c:v>0.17417748866919114</c:v>
                </c:pt>
                <c:pt idx="1062">
                  <c:v>0.18461462190180633</c:v>
                </c:pt>
                <c:pt idx="1063">
                  <c:v>0.19766103844257499</c:v>
                </c:pt>
                <c:pt idx="1064">
                  <c:v>0.1898331885181137</c:v>
                </c:pt>
                <c:pt idx="1065">
                  <c:v>0.19244247182626761</c:v>
                </c:pt>
                <c:pt idx="1066">
                  <c:v>0.18200533859365264</c:v>
                </c:pt>
                <c:pt idx="1067">
                  <c:v>0.20027032175072867</c:v>
                </c:pt>
                <c:pt idx="1068">
                  <c:v>0.1950517551344213</c:v>
                </c:pt>
                <c:pt idx="1069">
                  <c:v>0.19244247182626761</c:v>
                </c:pt>
                <c:pt idx="1070">
                  <c:v>0.19244247182626761</c:v>
                </c:pt>
                <c:pt idx="1071">
                  <c:v>0.18461462190180633</c:v>
                </c:pt>
                <c:pt idx="1072">
                  <c:v>0.17156820536103767</c:v>
                </c:pt>
                <c:pt idx="1073">
                  <c:v>0.1950517551344213</c:v>
                </c:pt>
                <c:pt idx="1074">
                  <c:v>0.17678677197734483</c:v>
                </c:pt>
                <c:pt idx="1075">
                  <c:v>0.17417748866919114</c:v>
                </c:pt>
                <c:pt idx="1076">
                  <c:v>0.18983318851811348</c:v>
                </c:pt>
                <c:pt idx="1077">
                  <c:v>0.19244247182626739</c:v>
                </c:pt>
                <c:pt idx="1078">
                  <c:v>0.18461462190180611</c:v>
                </c:pt>
                <c:pt idx="1079">
                  <c:v>0.16374035543657595</c:v>
                </c:pt>
                <c:pt idx="1080">
                  <c:v>0.15852178882026857</c:v>
                </c:pt>
                <c:pt idx="1081">
                  <c:v>0.13764752235503841</c:v>
                </c:pt>
                <c:pt idx="1082">
                  <c:v>0.15069393889580707</c:v>
                </c:pt>
                <c:pt idx="1083">
                  <c:v>0.14547537227949947</c:v>
                </c:pt>
                <c:pt idx="1084">
                  <c:v>0.18983318851811348</c:v>
                </c:pt>
                <c:pt idx="1085">
                  <c:v>0.16895892205288354</c:v>
                </c:pt>
                <c:pt idx="1086">
                  <c:v>0.15852178882026857</c:v>
                </c:pt>
                <c:pt idx="1087">
                  <c:v>0.15069393889580729</c:v>
                </c:pt>
                <c:pt idx="1088">
                  <c:v>0.15591250551211466</c:v>
                </c:pt>
                <c:pt idx="1089">
                  <c:v>0.15330322220396098</c:v>
                </c:pt>
                <c:pt idx="1090">
                  <c:v>0.14025680566319232</c:v>
                </c:pt>
                <c:pt idx="1091">
                  <c:v>0.15330322220396098</c:v>
                </c:pt>
                <c:pt idx="1092">
                  <c:v>0.17939605528549851</c:v>
                </c:pt>
                <c:pt idx="1093">
                  <c:v>0.16113107212842248</c:v>
                </c:pt>
                <c:pt idx="1094">
                  <c:v>0.11416397258165456</c:v>
                </c:pt>
                <c:pt idx="1095">
                  <c:v>0.11677325588980847</c:v>
                </c:pt>
                <c:pt idx="1096">
                  <c:v>0.11938253919796216</c:v>
                </c:pt>
                <c:pt idx="1097">
                  <c:v>0.11155468927350087</c:v>
                </c:pt>
                <c:pt idx="1098">
                  <c:v>0.12199182250611584</c:v>
                </c:pt>
                <c:pt idx="1099">
                  <c:v>0.12981967243057735</c:v>
                </c:pt>
                <c:pt idx="1100">
                  <c:v>0.14286608897134601</c:v>
                </c:pt>
                <c:pt idx="1101">
                  <c:v>0.16895892205288376</c:v>
                </c:pt>
                <c:pt idx="1102">
                  <c:v>0.16895892205288376</c:v>
                </c:pt>
                <c:pt idx="1103">
                  <c:v>0.17417748866919114</c:v>
                </c:pt>
                <c:pt idx="1104">
                  <c:v>0.16374035543657595</c:v>
                </c:pt>
                <c:pt idx="1105">
                  <c:v>0.16374035543657595</c:v>
                </c:pt>
                <c:pt idx="1106">
                  <c:v>0.14286608897134578</c:v>
                </c:pt>
                <c:pt idx="1107">
                  <c:v>0.15330322220396098</c:v>
                </c:pt>
                <c:pt idx="1108">
                  <c:v>0.15069393889580729</c:v>
                </c:pt>
                <c:pt idx="1109">
                  <c:v>0.1402568056631921</c:v>
                </c:pt>
                <c:pt idx="1110">
                  <c:v>0.12460110581426953</c:v>
                </c:pt>
                <c:pt idx="1111">
                  <c:v>0.13242895573873081</c:v>
                </c:pt>
                <c:pt idx="1112">
                  <c:v>0.12981967243057713</c:v>
                </c:pt>
                <c:pt idx="1113">
                  <c:v>0.11938253919796216</c:v>
                </c:pt>
                <c:pt idx="1114">
                  <c:v>0.13242895573873081</c:v>
                </c:pt>
                <c:pt idx="1115">
                  <c:v>0.14286608897134578</c:v>
                </c:pt>
                <c:pt idx="1116">
                  <c:v>0.14808465558765338</c:v>
                </c:pt>
                <c:pt idx="1117">
                  <c:v>0.13764752235503819</c:v>
                </c:pt>
                <c:pt idx="1118">
                  <c:v>0.13764752235503819</c:v>
                </c:pt>
                <c:pt idx="1119">
                  <c:v>0.14025680566319187</c:v>
                </c:pt>
                <c:pt idx="1120">
                  <c:v>0.14025680566319187</c:v>
                </c:pt>
                <c:pt idx="1121">
                  <c:v>0.13764752235503819</c:v>
                </c:pt>
                <c:pt idx="1122">
                  <c:v>0.11938253919796171</c:v>
                </c:pt>
                <c:pt idx="1123">
                  <c:v>0.11938253919796171</c:v>
                </c:pt>
                <c:pt idx="1124">
                  <c:v>0.11677325588980803</c:v>
                </c:pt>
                <c:pt idx="1125">
                  <c:v>9.5898989424577863E-2</c:v>
                </c:pt>
                <c:pt idx="1126">
                  <c:v>0.10894540596534652</c:v>
                </c:pt>
                <c:pt idx="1127">
                  <c:v>0.10633612265719283</c:v>
                </c:pt>
                <c:pt idx="1128">
                  <c:v>9.5898989424577863E-2</c:v>
                </c:pt>
                <c:pt idx="1129">
                  <c:v>9.0680422808270267E-2</c:v>
                </c:pt>
                <c:pt idx="1130">
                  <c:v>8.5461856191962893E-2</c:v>
                </c:pt>
                <c:pt idx="1131">
                  <c:v>7.2415439651194236E-2</c:v>
                </c:pt>
                <c:pt idx="1132">
                  <c:v>5.1541173185964295E-2</c:v>
                </c:pt>
                <c:pt idx="1133">
                  <c:v>6.9806156343040326E-2</c:v>
                </c:pt>
                <c:pt idx="1134">
                  <c:v>8.2852572883809428E-2</c:v>
                </c:pt>
                <c:pt idx="1135">
                  <c:v>8.5461856191963115E-2</c:v>
                </c:pt>
                <c:pt idx="1136">
                  <c:v>8.0243289575655519E-2</c:v>
                </c:pt>
                <c:pt idx="1137">
                  <c:v>9.328970611642462E-2</c:v>
                </c:pt>
                <c:pt idx="1138">
                  <c:v>8.5461856191963337E-2</c:v>
                </c:pt>
                <c:pt idx="1139">
                  <c:v>9.0680422808270933E-2</c:v>
                </c:pt>
                <c:pt idx="1140">
                  <c:v>9.0680422808270933E-2</c:v>
                </c:pt>
                <c:pt idx="1141">
                  <c:v>7.7634006267502054E-2</c:v>
                </c:pt>
                <c:pt idx="1142">
                  <c:v>6.4587589726733396E-2</c:v>
                </c:pt>
                <c:pt idx="1143">
                  <c:v>7.241543965119468E-2</c:v>
                </c:pt>
                <c:pt idx="1144">
                  <c:v>6.4587589726733396E-2</c:v>
                </c:pt>
                <c:pt idx="1145">
                  <c:v>9.0680422808270933E-2</c:v>
                </c:pt>
                <c:pt idx="1146">
                  <c:v>8.5461856191963559E-2</c:v>
                </c:pt>
                <c:pt idx="1147">
                  <c:v>6.4587589726733396E-2</c:v>
                </c:pt>
                <c:pt idx="1148">
                  <c:v>6.9806156343040993E-2</c:v>
                </c:pt>
                <c:pt idx="1149">
                  <c:v>8.0243289575655963E-2</c:v>
                </c:pt>
                <c:pt idx="1150">
                  <c:v>7.7634006267502276E-2</c:v>
                </c:pt>
                <c:pt idx="1151">
                  <c:v>6.9806156343040993E-2</c:v>
                </c:pt>
                <c:pt idx="1152">
                  <c:v>6.4587589726733619E-2</c:v>
                </c:pt>
                <c:pt idx="1153">
                  <c:v>6.1978306418579932E-2</c:v>
                </c:pt>
                <c:pt idx="1154">
                  <c:v>7.5024722959348589E-2</c:v>
                </c:pt>
                <c:pt idx="1155">
                  <c:v>8.2852572883809872E-2</c:v>
                </c:pt>
                <c:pt idx="1156">
                  <c:v>9.0680422808270933E-2</c:v>
                </c:pt>
                <c:pt idx="1157">
                  <c:v>8.0243289575655741E-2</c:v>
                </c:pt>
                <c:pt idx="1158">
                  <c:v>6.7196873034887084E-2</c:v>
                </c:pt>
                <c:pt idx="1159">
                  <c:v>6.4587589726733396E-2</c:v>
                </c:pt>
                <c:pt idx="1160">
                  <c:v>6.9806156343040993E-2</c:v>
                </c:pt>
                <c:pt idx="1161">
                  <c:v>6.1978306418579932E-2</c:v>
                </c:pt>
                <c:pt idx="1162">
                  <c:v>6.1978306418579932E-2</c:v>
                </c:pt>
                <c:pt idx="1163">
                  <c:v>7.5024722959348589E-2</c:v>
                </c:pt>
                <c:pt idx="1164">
                  <c:v>4.3713323261503456E-2</c:v>
                </c:pt>
                <c:pt idx="1165">
                  <c:v>4.6322606569657143E-2</c:v>
                </c:pt>
                <c:pt idx="1166">
                  <c:v>3.0666906720734577E-2</c:v>
                </c:pt>
                <c:pt idx="1167">
                  <c:v>4.3713323261503234E-2</c:v>
                </c:pt>
                <c:pt idx="1168">
                  <c:v>4.1104039953349547E-2</c:v>
                </c:pt>
                <c:pt idx="1169">
                  <c:v>3.8494756645195638E-2</c:v>
                </c:pt>
                <c:pt idx="1170">
                  <c:v>3.8494756645195638E-2</c:v>
                </c:pt>
                <c:pt idx="1171">
                  <c:v>4.1104039953349325E-2</c:v>
                </c:pt>
                <c:pt idx="1172">
                  <c:v>5.6759739802271669E-2</c:v>
                </c:pt>
                <c:pt idx="1173">
                  <c:v>7.5024722959347923E-2</c:v>
                </c:pt>
                <c:pt idx="1174">
                  <c:v>7.763400626750161E-2</c:v>
                </c:pt>
                <c:pt idx="1175">
                  <c:v>8.0243289575655297E-2</c:v>
                </c:pt>
                <c:pt idx="1176">
                  <c:v>8.2852572883809206E-2</c:v>
                </c:pt>
                <c:pt idx="1177">
                  <c:v>8.807113950011658E-2</c:v>
                </c:pt>
                <c:pt idx="1178">
                  <c:v>9.0680422808270267E-2</c:v>
                </c:pt>
                <c:pt idx="1179">
                  <c:v>8.5461856191962893E-2</c:v>
                </c:pt>
                <c:pt idx="1180">
                  <c:v>8.2852572883809206E-2</c:v>
                </c:pt>
                <c:pt idx="1181">
                  <c:v>9.3289706116424398E-2</c:v>
                </c:pt>
                <c:pt idx="1182">
                  <c:v>0.10633612265719306</c:v>
                </c:pt>
                <c:pt idx="1183">
                  <c:v>0.11155468927350043</c:v>
                </c:pt>
                <c:pt idx="1184">
                  <c:v>0.1219918225061154</c:v>
                </c:pt>
                <c:pt idx="1185">
                  <c:v>0.1219918225061154</c:v>
                </c:pt>
                <c:pt idx="1186">
                  <c:v>0.127210389122423</c:v>
                </c:pt>
                <c:pt idx="1187">
                  <c:v>0.1219918225061154</c:v>
                </c:pt>
                <c:pt idx="1188">
                  <c:v>0.127210389122423</c:v>
                </c:pt>
                <c:pt idx="1189">
                  <c:v>0.127210389122423</c:v>
                </c:pt>
                <c:pt idx="1190">
                  <c:v>0.13242895573873037</c:v>
                </c:pt>
                <c:pt idx="1191">
                  <c:v>0.12460110581426909</c:v>
                </c:pt>
                <c:pt idx="1192">
                  <c:v>0.12981967243057668</c:v>
                </c:pt>
                <c:pt idx="1193">
                  <c:v>0.13764752235503797</c:v>
                </c:pt>
                <c:pt idx="1194">
                  <c:v>0.10633612265719283</c:v>
                </c:pt>
                <c:pt idx="1195">
                  <c:v>0.11938253919796171</c:v>
                </c:pt>
                <c:pt idx="1196">
                  <c:v>0.13503823904688428</c:v>
                </c:pt>
                <c:pt idx="1197">
                  <c:v>0.12721038912242322</c:v>
                </c:pt>
                <c:pt idx="1198">
                  <c:v>0.11677325588980825</c:v>
                </c:pt>
                <c:pt idx="1199">
                  <c:v>0.12199182250611562</c:v>
                </c:pt>
                <c:pt idx="1200">
                  <c:v>0.12199182250611562</c:v>
                </c:pt>
                <c:pt idx="1201">
                  <c:v>0.10894540596534696</c:v>
                </c:pt>
                <c:pt idx="1202">
                  <c:v>0.10111755604088568</c:v>
                </c:pt>
                <c:pt idx="1203">
                  <c:v>0.10633612265719328</c:v>
                </c:pt>
                <c:pt idx="1204">
                  <c:v>0.11677325588980847</c:v>
                </c:pt>
                <c:pt idx="1205">
                  <c:v>0.10111755604088568</c:v>
                </c:pt>
                <c:pt idx="1206">
                  <c:v>0.10372683934903959</c:v>
                </c:pt>
                <c:pt idx="1207">
                  <c:v>9.328970611642462E-2</c:v>
                </c:pt>
                <c:pt idx="1208">
                  <c:v>0.11677325588980825</c:v>
                </c:pt>
                <c:pt idx="1209">
                  <c:v>0.10894540596534696</c:v>
                </c:pt>
                <c:pt idx="1210">
                  <c:v>0.11677325588980825</c:v>
                </c:pt>
                <c:pt idx="1211">
                  <c:v>9.5898989424578085E-2</c:v>
                </c:pt>
                <c:pt idx="1212">
                  <c:v>8.8071139500116802E-2</c:v>
                </c:pt>
                <c:pt idx="1213">
                  <c:v>8.5461856191963115E-2</c:v>
                </c:pt>
                <c:pt idx="1214">
                  <c:v>8.8071139500116802E-2</c:v>
                </c:pt>
                <c:pt idx="1215">
                  <c:v>7.5024722959348145E-2</c:v>
                </c:pt>
                <c:pt idx="1216">
                  <c:v>8.2852572883809428E-2</c:v>
                </c:pt>
                <c:pt idx="1217">
                  <c:v>6.9806156343040549E-2</c:v>
                </c:pt>
                <c:pt idx="1218">
                  <c:v>7.2415439651194458E-2</c:v>
                </c:pt>
                <c:pt idx="1219">
                  <c:v>8.8071139500117024E-2</c:v>
                </c:pt>
                <c:pt idx="1220">
                  <c:v>8.8071139500117024E-2</c:v>
                </c:pt>
                <c:pt idx="1221">
                  <c:v>8.285257288380965E-2</c:v>
                </c:pt>
                <c:pt idx="1222">
                  <c:v>7.7634006267502054E-2</c:v>
                </c:pt>
                <c:pt idx="1223">
                  <c:v>8.285257288380965E-2</c:v>
                </c:pt>
                <c:pt idx="1224">
                  <c:v>8.8071139500117024E-2</c:v>
                </c:pt>
                <c:pt idx="1225">
                  <c:v>8.8071139500117024E-2</c:v>
                </c:pt>
                <c:pt idx="1226">
                  <c:v>8.8071139500117024E-2</c:v>
                </c:pt>
                <c:pt idx="1227">
                  <c:v>9.3289706116424842E-2</c:v>
                </c:pt>
                <c:pt idx="1228">
                  <c:v>9.5898989424578529E-2</c:v>
                </c:pt>
                <c:pt idx="1229">
                  <c:v>0.1063361226571935</c:v>
                </c:pt>
                <c:pt idx="1230">
                  <c:v>0.1063361226571935</c:v>
                </c:pt>
                <c:pt idx="1231">
                  <c:v>0.1063361226571935</c:v>
                </c:pt>
                <c:pt idx="1232">
                  <c:v>0.1011175560408859</c:v>
                </c:pt>
                <c:pt idx="1233">
                  <c:v>0.10894540596534719</c:v>
                </c:pt>
                <c:pt idx="1234">
                  <c:v>0.11677325588980847</c:v>
                </c:pt>
                <c:pt idx="1235">
                  <c:v>0.12460110581426953</c:v>
                </c:pt>
                <c:pt idx="1236">
                  <c:v>0.13503823904688472</c:v>
                </c:pt>
                <c:pt idx="1237">
                  <c:v>0.13503823904688472</c:v>
                </c:pt>
                <c:pt idx="1238">
                  <c:v>0.12981967243057735</c:v>
                </c:pt>
                <c:pt idx="1239">
                  <c:v>0.13242895573873104</c:v>
                </c:pt>
                <c:pt idx="1240">
                  <c:v>0.12460110581426975</c:v>
                </c:pt>
                <c:pt idx="1241">
                  <c:v>0.13764752235503885</c:v>
                </c:pt>
                <c:pt idx="1242">
                  <c:v>0.12460110581426975</c:v>
                </c:pt>
                <c:pt idx="1243">
                  <c:v>0.13764752235503885</c:v>
                </c:pt>
                <c:pt idx="1244">
                  <c:v>0.13764752235503885</c:v>
                </c:pt>
                <c:pt idx="1245">
                  <c:v>0.11416397258165478</c:v>
                </c:pt>
                <c:pt idx="1246">
                  <c:v>0.12199182250611607</c:v>
                </c:pt>
                <c:pt idx="1247">
                  <c:v>0.11677325588980869</c:v>
                </c:pt>
                <c:pt idx="1248">
                  <c:v>0.14286608897134601</c:v>
                </c:pt>
                <c:pt idx="1249">
                  <c:v>0.15069393889580729</c:v>
                </c:pt>
                <c:pt idx="1250">
                  <c:v>0.15069393889580729</c:v>
                </c:pt>
                <c:pt idx="1251">
                  <c:v>0.12981967243057735</c:v>
                </c:pt>
                <c:pt idx="1252">
                  <c:v>0.15069393889580729</c:v>
                </c:pt>
                <c:pt idx="1253">
                  <c:v>0.15330322220396098</c:v>
                </c:pt>
                <c:pt idx="1254">
                  <c:v>0.14547537227949969</c:v>
                </c:pt>
                <c:pt idx="1255">
                  <c:v>0.14025680566319232</c:v>
                </c:pt>
                <c:pt idx="1256">
                  <c:v>0.13503823904688472</c:v>
                </c:pt>
                <c:pt idx="1257">
                  <c:v>0.14025680566319232</c:v>
                </c:pt>
                <c:pt idx="1258">
                  <c:v>0.14547537227949991</c:v>
                </c:pt>
                <c:pt idx="1259">
                  <c:v>0.14547537227949991</c:v>
                </c:pt>
                <c:pt idx="1260">
                  <c:v>0.14808465558765382</c:v>
                </c:pt>
                <c:pt idx="1261">
                  <c:v>0.16374035543657617</c:v>
                </c:pt>
                <c:pt idx="1262">
                  <c:v>0.15852178882026879</c:v>
                </c:pt>
                <c:pt idx="1263">
                  <c:v>0.15852178882026879</c:v>
                </c:pt>
                <c:pt idx="1264">
                  <c:v>0.15852178882026879</c:v>
                </c:pt>
                <c:pt idx="1265">
                  <c:v>0.16113107212842248</c:v>
                </c:pt>
                <c:pt idx="1266">
                  <c:v>0.15591250551211489</c:v>
                </c:pt>
                <c:pt idx="1267">
                  <c:v>0.15069393889580751</c:v>
                </c:pt>
                <c:pt idx="1268">
                  <c:v>0.15591250551211489</c:v>
                </c:pt>
                <c:pt idx="1269">
                  <c:v>0.14286608897134623</c:v>
                </c:pt>
                <c:pt idx="1270">
                  <c:v>0.13242895573873126</c:v>
                </c:pt>
                <c:pt idx="1271">
                  <c:v>0.12721038912242388</c:v>
                </c:pt>
                <c:pt idx="1272">
                  <c:v>0.12981967243057757</c:v>
                </c:pt>
                <c:pt idx="1273">
                  <c:v>0.12981967243057757</c:v>
                </c:pt>
                <c:pt idx="1274">
                  <c:v>0.12981967243057757</c:v>
                </c:pt>
                <c:pt idx="1275">
                  <c:v>0.13242895573873126</c:v>
                </c:pt>
                <c:pt idx="1276">
                  <c:v>0.12721038912242388</c:v>
                </c:pt>
                <c:pt idx="1277">
                  <c:v>0.12460110581426997</c:v>
                </c:pt>
                <c:pt idx="1278">
                  <c:v>0.12721038912242388</c:v>
                </c:pt>
                <c:pt idx="1279">
                  <c:v>0.12721038912242388</c:v>
                </c:pt>
                <c:pt idx="1280">
                  <c:v>0.12721038912242388</c:v>
                </c:pt>
                <c:pt idx="1281">
                  <c:v>0.12460110581426997</c:v>
                </c:pt>
                <c:pt idx="1282">
                  <c:v>0.13242895573873126</c:v>
                </c:pt>
                <c:pt idx="1283">
                  <c:v>0.12199182250611629</c:v>
                </c:pt>
                <c:pt idx="1284">
                  <c:v>0.1246011058142702</c:v>
                </c:pt>
                <c:pt idx="1285">
                  <c:v>0.12981967243057779</c:v>
                </c:pt>
                <c:pt idx="1286">
                  <c:v>0.1246011058142702</c:v>
                </c:pt>
                <c:pt idx="1287">
                  <c:v>0.11677325588980914</c:v>
                </c:pt>
                <c:pt idx="1288">
                  <c:v>0.12981967243057801</c:v>
                </c:pt>
                <c:pt idx="1289">
                  <c:v>0.12199182250611673</c:v>
                </c:pt>
                <c:pt idx="1290">
                  <c:v>0.11938253919796304</c:v>
                </c:pt>
                <c:pt idx="1291">
                  <c:v>0.11677325588980936</c:v>
                </c:pt>
                <c:pt idx="1292">
                  <c:v>0.11938253919796304</c:v>
                </c:pt>
                <c:pt idx="1293">
                  <c:v>0.11938253919796304</c:v>
                </c:pt>
                <c:pt idx="1294">
                  <c:v>0.1376475223550393</c:v>
                </c:pt>
                <c:pt idx="1295">
                  <c:v>0.1376475223550393</c:v>
                </c:pt>
                <c:pt idx="1296">
                  <c:v>0.1376475223550393</c:v>
                </c:pt>
                <c:pt idx="1297">
                  <c:v>0.1324289557387317</c:v>
                </c:pt>
                <c:pt idx="1298">
                  <c:v>0.14286608897134667</c:v>
                </c:pt>
                <c:pt idx="1299">
                  <c:v>0.13503823904688539</c:v>
                </c:pt>
                <c:pt idx="1300">
                  <c:v>0.15330322220396164</c:v>
                </c:pt>
                <c:pt idx="1301">
                  <c:v>0.14547537227950036</c:v>
                </c:pt>
                <c:pt idx="1302">
                  <c:v>0.15069393889580796</c:v>
                </c:pt>
                <c:pt idx="1303">
                  <c:v>0.15330322220396164</c:v>
                </c:pt>
                <c:pt idx="1304">
                  <c:v>0.14547537227950036</c:v>
                </c:pt>
                <c:pt idx="1305">
                  <c:v>0.14025680566319298</c:v>
                </c:pt>
                <c:pt idx="1306">
                  <c:v>0.15069393889580796</c:v>
                </c:pt>
                <c:pt idx="1307">
                  <c:v>0.13764752235503908</c:v>
                </c:pt>
                <c:pt idx="1308">
                  <c:v>0.14286608897134645</c:v>
                </c:pt>
                <c:pt idx="1309">
                  <c:v>0.15330322220396164</c:v>
                </c:pt>
                <c:pt idx="1310">
                  <c:v>0.15330322220396164</c:v>
                </c:pt>
                <c:pt idx="1311">
                  <c:v>0.14286608897134667</c:v>
                </c:pt>
                <c:pt idx="1312">
                  <c:v>0.14808465558765449</c:v>
                </c:pt>
                <c:pt idx="1313">
                  <c:v>0.1376475223550393</c:v>
                </c:pt>
                <c:pt idx="1314">
                  <c:v>0.14025680566319298</c:v>
                </c:pt>
                <c:pt idx="1315">
                  <c:v>0.12981967243057801</c:v>
                </c:pt>
                <c:pt idx="1316">
                  <c:v>0.12199182250611673</c:v>
                </c:pt>
                <c:pt idx="1317">
                  <c:v>0.12981967243057824</c:v>
                </c:pt>
                <c:pt idx="1318">
                  <c:v>0.1089454059653483</c:v>
                </c:pt>
                <c:pt idx="1319">
                  <c:v>0.10372683934904092</c:v>
                </c:pt>
                <c:pt idx="1320">
                  <c:v>0.10372683934904092</c:v>
                </c:pt>
                <c:pt idx="1321">
                  <c:v>9.0680422808272043E-2</c:v>
                </c:pt>
                <c:pt idx="1322">
                  <c:v>9.3289706116425952E-2</c:v>
                </c:pt>
                <c:pt idx="1323">
                  <c:v>9.0680422808272043E-2</c:v>
                </c:pt>
                <c:pt idx="1324">
                  <c:v>9.5898989424579639E-2</c:v>
                </c:pt>
                <c:pt idx="1325">
                  <c:v>0.10111755604088724</c:v>
                </c:pt>
                <c:pt idx="1326">
                  <c:v>0.10111755604088724</c:v>
                </c:pt>
                <c:pt idx="1327">
                  <c:v>0.10633612265719483</c:v>
                </c:pt>
                <c:pt idx="1328">
                  <c:v>8.8071139500118356E-2</c:v>
                </c:pt>
                <c:pt idx="1329">
                  <c:v>9.5898989424579639E-2</c:v>
                </c:pt>
                <c:pt idx="1330">
                  <c:v>9.5898989424579639E-2</c:v>
                </c:pt>
                <c:pt idx="1331">
                  <c:v>9.3289706116425952E-2</c:v>
                </c:pt>
                <c:pt idx="1332">
                  <c:v>8.5461856191964669E-2</c:v>
                </c:pt>
                <c:pt idx="1333">
                  <c:v>8.8071139500118356E-2</c:v>
                </c:pt>
                <c:pt idx="1334">
                  <c:v>8.8071139500118356E-2</c:v>
                </c:pt>
                <c:pt idx="1335">
                  <c:v>9.5898989424579639E-2</c:v>
                </c:pt>
                <c:pt idx="1336">
                  <c:v>3.0666906720735687E-2</c:v>
                </c:pt>
                <c:pt idx="1337">
                  <c:v>3.849475664519697E-2</c:v>
                </c:pt>
                <c:pt idx="1338">
                  <c:v>3.0666906720735687E-2</c:v>
                </c:pt>
                <c:pt idx="1339">
                  <c:v>2.8057623412582E-2</c:v>
                </c:pt>
                <c:pt idx="1340">
                  <c:v>2.8057623412582E-2</c:v>
                </c:pt>
                <c:pt idx="1341">
                  <c:v>2.0229773488120717E-2</c:v>
                </c:pt>
                <c:pt idx="1342">
                  <c:v>2.8057623412582E-2</c:v>
                </c:pt>
                <c:pt idx="1343">
                  <c:v>2.5448340104428313E-2</c:v>
                </c:pt>
                <c:pt idx="1344">
                  <c:v>2.8057623412582E-2</c:v>
                </c:pt>
                <c:pt idx="1345">
                  <c:v>2.2839056796274404E-2</c:v>
                </c:pt>
                <c:pt idx="1346">
                  <c:v>3.0666906720735687E-2</c:v>
                </c:pt>
                <c:pt idx="1347">
                  <c:v>2.8057623412582E-2</c:v>
                </c:pt>
                <c:pt idx="1348">
                  <c:v>2.2839056796274404E-2</c:v>
                </c:pt>
                <c:pt idx="1349">
                  <c:v>2.8057623412581778E-2</c:v>
                </c:pt>
                <c:pt idx="1350">
                  <c:v>3.0666906720735687E-2</c:v>
                </c:pt>
                <c:pt idx="1351">
                  <c:v>2.0229773488120495E-2</c:v>
                </c:pt>
                <c:pt idx="1352">
                  <c:v>-8.4723429015709506E-3</c:v>
                </c:pt>
                <c:pt idx="1353">
                  <c:v>-1.1081626209724638E-2</c:v>
                </c:pt>
                <c:pt idx="1354">
                  <c:v>-1.6300192826032123E-2</c:v>
                </c:pt>
                <c:pt idx="1355">
                  <c:v>-2.1518759442339608E-2</c:v>
                </c:pt>
                <c:pt idx="1356">
                  <c:v>-1.8909476134185921E-2</c:v>
                </c:pt>
                <c:pt idx="1357">
                  <c:v>-1.1081626209724527E-2</c:v>
                </c:pt>
                <c:pt idx="1358">
                  <c:v>-5.8630595934169305E-3</c:v>
                </c:pt>
                <c:pt idx="1359">
                  <c:v>-6.4449297710944542E-4</c:v>
                </c:pt>
                <c:pt idx="1360">
                  <c:v>-8.4723429015707286E-3</c:v>
                </c:pt>
                <c:pt idx="1361">
                  <c:v>-1.6300192826031901E-2</c:v>
                </c:pt>
                <c:pt idx="1362">
                  <c:v>-2.9346609366800669E-2</c:v>
                </c:pt>
                <c:pt idx="1363">
                  <c:v>-3.978374259941575E-2</c:v>
                </c:pt>
                <c:pt idx="1364">
                  <c:v>-4.2393025907569548E-2</c:v>
                </c:pt>
                <c:pt idx="1365">
                  <c:v>-4.2393025907569548E-2</c:v>
                </c:pt>
                <c:pt idx="1366">
                  <c:v>-2.9346609366800669E-2</c:v>
                </c:pt>
                <c:pt idx="1367">
                  <c:v>-3.1955892674954578E-2</c:v>
                </c:pt>
                <c:pt idx="1368">
                  <c:v>-2.1518759442339608E-2</c:v>
                </c:pt>
                <c:pt idx="1369">
                  <c:v>-1.6300192826032012E-2</c:v>
                </c:pt>
                <c:pt idx="1370">
                  <c:v>-1.3690909517878325E-2</c:v>
                </c:pt>
                <c:pt idx="1371">
                  <c:v>-1.1081626209724416E-2</c:v>
                </c:pt>
                <c:pt idx="1372">
                  <c:v>-1.6300192826031901E-2</c:v>
                </c:pt>
                <c:pt idx="1373">
                  <c:v>-2.4128042750493073E-2</c:v>
                </c:pt>
                <c:pt idx="1374">
                  <c:v>-1.3690909517878214E-2</c:v>
                </c:pt>
                <c:pt idx="1375">
                  <c:v>-1.890947613418581E-2</c:v>
                </c:pt>
                <c:pt idx="1376">
                  <c:v>-1.1081626209724416E-2</c:v>
                </c:pt>
                <c:pt idx="1377">
                  <c:v>-5.8630595934168195E-3</c:v>
                </c:pt>
                <c:pt idx="1378">
                  <c:v>-6.444929771093344E-4</c:v>
                </c:pt>
                <c:pt idx="1379">
                  <c:v>-8.4723429015706175E-3</c:v>
                </c:pt>
                <c:pt idx="1380">
                  <c:v>-8.4723429015706175E-3</c:v>
                </c:pt>
                <c:pt idx="1381">
                  <c:v>-6.4449297710922338E-4</c:v>
                </c:pt>
                <c:pt idx="1382">
                  <c:v>1.9647903310444637E-3</c:v>
                </c:pt>
                <c:pt idx="1383">
                  <c:v>-6.4449297710922338E-4</c:v>
                </c:pt>
                <c:pt idx="1384">
                  <c:v>-6.4449297710922338E-4</c:v>
                </c:pt>
                <c:pt idx="1385">
                  <c:v>-5.8630595934168195E-3</c:v>
                </c:pt>
                <c:pt idx="1386">
                  <c:v>-5.8630595934168195E-3</c:v>
                </c:pt>
                <c:pt idx="1387">
                  <c:v>-3.2537762852632435E-3</c:v>
                </c:pt>
                <c:pt idx="1388">
                  <c:v>4.5740736391981507E-3</c:v>
                </c:pt>
                <c:pt idx="1389">
                  <c:v>1.9647903310442416E-3</c:v>
                </c:pt>
                <c:pt idx="1390">
                  <c:v>4.5740736391981507E-3</c:v>
                </c:pt>
                <c:pt idx="1391">
                  <c:v>-3.2537762852632435E-3</c:v>
                </c:pt>
                <c:pt idx="1392">
                  <c:v>-1.6300192826032012E-2</c:v>
                </c:pt>
                <c:pt idx="1393">
                  <c:v>-2.4128042750493184E-2</c:v>
                </c:pt>
                <c:pt idx="1394">
                  <c:v>-3.4565175983108265E-2</c:v>
                </c:pt>
                <c:pt idx="1395">
                  <c:v>-3.1955892674954578E-2</c:v>
                </c:pt>
                <c:pt idx="1396">
                  <c:v>-8.4723429015708396E-3</c:v>
                </c:pt>
                <c:pt idx="1397">
                  <c:v>-8.4723429015708396E-3</c:v>
                </c:pt>
                <c:pt idx="1398">
                  <c:v>-1.1081626209724527E-2</c:v>
                </c:pt>
                <c:pt idx="1399">
                  <c:v>-2.1518759442339608E-2</c:v>
                </c:pt>
                <c:pt idx="1400">
                  <c:v>-2.1518759442339608E-2</c:v>
                </c:pt>
                <c:pt idx="1401">
                  <c:v>-1.3690909517878325E-2</c:v>
                </c:pt>
                <c:pt idx="1402">
                  <c:v>-2.1518759442339608E-2</c:v>
                </c:pt>
                <c:pt idx="1403">
                  <c:v>-3.4565175983108376E-2</c:v>
                </c:pt>
                <c:pt idx="1404">
                  <c:v>-3.4565175983108376E-2</c:v>
                </c:pt>
                <c:pt idx="1405">
                  <c:v>-3.9783742599415972E-2</c:v>
                </c:pt>
                <c:pt idx="1406">
                  <c:v>-4.5002309215723568E-2</c:v>
                </c:pt>
                <c:pt idx="1407">
                  <c:v>-5.0220875832031053E-2</c:v>
                </c:pt>
                <c:pt idx="1408">
                  <c:v>-4.7611592523877255E-2</c:v>
                </c:pt>
                <c:pt idx="1409">
                  <c:v>-5.0220875832031053E-2</c:v>
                </c:pt>
                <c:pt idx="1410">
                  <c:v>-2.6737326058647315E-2</c:v>
                </c:pt>
                <c:pt idx="1411">
                  <c:v>-2.151875944233983E-2</c:v>
                </c:pt>
                <c:pt idx="1412">
                  <c:v>-2.151875944233983E-2</c:v>
                </c:pt>
                <c:pt idx="1413">
                  <c:v>-8.4723429015711726E-3</c:v>
                </c:pt>
                <c:pt idx="1414">
                  <c:v>-8.4723429015711726E-3</c:v>
                </c:pt>
                <c:pt idx="1415">
                  <c:v>-3.2537762852636876E-3</c:v>
                </c:pt>
                <c:pt idx="1416">
                  <c:v>1.9647903310437975E-3</c:v>
                </c:pt>
                <c:pt idx="1417">
                  <c:v>-3.2537762852637986E-3</c:v>
                </c:pt>
                <c:pt idx="1418">
                  <c:v>-3.2537762852637986E-3</c:v>
                </c:pt>
                <c:pt idx="1419">
                  <c:v>4.5740736391974846E-3</c:v>
                </c:pt>
                <c:pt idx="1420">
                  <c:v>1.5011206871812455E-2</c:v>
                </c:pt>
                <c:pt idx="1421">
                  <c:v>2.0229773488120051E-2</c:v>
                </c:pt>
                <c:pt idx="1422">
                  <c:v>2.0229773488120051E-2</c:v>
                </c:pt>
                <c:pt idx="1423">
                  <c:v>1.7620490179966142E-2</c:v>
                </c:pt>
                <c:pt idx="1424">
                  <c:v>1.5011206871812455E-2</c:v>
                </c:pt>
                <c:pt idx="1425">
                  <c:v>7.1833569473511716E-3</c:v>
                </c:pt>
                <c:pt idx="1426">
                  <c:v>1.9647903310435755E-3</c:v>
                </c:pt>
                <c:pt idx="1427">
                  <c:v>-5.8630595934177077E-3</c:v>
                </c:pt>
                <c:pt idx="1428">
                  <c:v>-5.8630595934177077E-3</c:v>
                </c:pt>
                <c:pt idx="1429">
                  <c:v>-3.2537762852641317E-3</c:v>
                </c:pt>
                <c:pt idx="1430">
                  <c:v>9.7926402555046366E-3</c:v>
                </c:pt>
                <c:pt idx="1431">
                  <c:v>2.0229773488119829E-2</c:v>
                </c:pt>
                <c:pt idx="1432">
                  <c:v>1.762049017996592E-2</c:v>
                </c:pt>
                <c:pt idx="1433">
                  <c:v>1.2401923563658324E-2</c:v>
                </c:pt>
                <c:pt idx="1434">
                  <c:v>1.2401923563658324E-2</c:v>
                </c:pt>
                <c:pt idx="1435">
                  <c:v>9.7926402555046366E-3</c:v>
                </c:pt>
                <c:pt idx="1436">
                  <c:v>1.2401923563658324E-2</c:v>
                </c:pt>
                <c:pt idx="1437">
                  <c:v>1.762049017996592E-2</c:v>
                </c:pt>
                <c:pt idx="1438">
                  <c:v>7.1833569473509495E-3</c:v>
                </c:pt>
                <c:pt idx="1439">
                  <c:v>9.7926402555046366E-3</c:v>
                </c:pt>
                <c:pt idx="1440">
                  <c:v>1.9647903310433534E-3</c:v>
                </c:pt>
                <c:pt idx="1441">
                  <c:v>-6.444929771103336E-4</c:v>
                </c:pt>
                <c:pt idx="1442">
                  <c:v>4.5740736391972625E-3</c:v>
                </c:pt>
                <c:pt idx="1443">
                  <c:v>-6.4449297711022258E-4</c:v>
                </c:pt>
                <c:pt idx="1444">
                  <c:v>1.9647903310433534E-3</c:v>
                </c:pt>
                <c:pt idx="1445">
                  <c:v>1.9647903310433534E-3</c:v>
                </c:pt>
                <c:pt idx="1446">
                  <c:v>4.5740736391972625E-3</c:v>
                </c:pt>
                <c:pt idx="1447">
                  <c:v>4.5740736391972625E-3</c:v>
                </c:pt>
                <c:pt idx="1448">
                  <c:v>7.1833569473509495E-3</c:v>
                </c:pt>
                <c:pt idx="1449">
                  <c:v>9.7926402555046366E-3</c:v>
                </c:pt>
                <c:pt idx="1450">
                  <c:v>1.2401923563658324E-2</c:v>
                </c:pt>
                <c:pt idx="1451">
                  <c:v>1.2401923563658324E-2</c:v>
                </c:pt>
                <c:pt idx="1452">
                  <c:v>7.1833569473507275E-3</c:v>
                </c:pt>
                <c:pt idx="1453">
                  <c:v>1.9647903310431314E-3</c:v>
                </c:pt>
                <c:pt idx="1454">
                  <c:v>1.7620490179965698E-2</c:v>
                </c:pt>
                <c:pt idx="1455">
                  <c:v>2.2839056796273294E-2</c:v>
                </c:pt>
                <c:pt idx="1456">
                  <c:v>2.5448340104427203E-2</c:v>
                </c:pt>
                <c:pt idx="1457">
                  <c:v>3.0666906720734577E-2</c:v>
                </c:pt>
                <c:pt idx="1458">
                  <c:v>3.0666906720734577E-2</c:v>
                </c:pt>
                <c:pt idx="1459">
                  <c:v>4.3713323261503234E-2</c:v>
                </c:pt>
                <c:pt idx="1460">
                  <c:v>3.0666906720734577E-2</c:v>
                </c:pt>
                <c:pt idx="1461">
                  <c:v>6.9806156343040771E-2</c:v>
                </c:pt>
                <c:pt idx="1462">
                  <c:v>6.7196873034887084E-2</c:v>
                </c:pt>
                <c:pt idx="1463">
                  <c:v>7.5024722959348367E-2</c:v>
                </c:pt>
                <c:pt idx="1464">
                  <c:v>6.9806156343040771E-2</c:v>
                </c:pt>
                <c:pt idx="1465">
                  <c:v>6.1978306418579709E-2</c:v>
                </c:pt>
                <c:pt idx="1466">
                  <c:v>4.6322606569656921E-2</c:v>
                </c:pt>
                <c:pt idx="1467">
                  <c:v>4.8931889877810608E-2</c:v>
                </c:pt>
                <c:pt idx="1468">
                  <c:v>8.0243289575655741E-2</c:v>
                </c:pt>
                <c:pt idx="1469">
                  <c:v>6.4587589726733174E-2</c:v>
                </c:pt>
                <c:pt idx="1470">
                  <c:v>5.6759739802271891E-2</c:v>
                </c:pt>
                <c:pt idx="1471">
                  <c:v>6.9806156343040771E-2</c:v>
                </c:pt>
                <c:pt idx="1472">
                  <c:v>8.2852572883809872E-2</c:v>
                </c:pt>
                <c:pt idx="1473">
                  <c:v>0.10111755604088613</c:v>
                </c:pt>
                <c:pt idx="1474">
                  <c:v>0.10372683934904003</c:v>
                </c:pt>
                <c:pt idx="1475">
                  <c:v>8.0243289575655963E-2</c:v>
                </c:pt>
                <c:pt idx="1476">
                  <c:v>8.2852572883809872E-2</c:v>
                </c:pt>
                <c:pt idx="1477">
                  <c:v>0.10372683934903981</c:v>
                </c:pt>
                <c:pt idx="1478">
                  <c:v>9.5898989424578529E-2</c:v>
                </c:pt>
                <c:pt idx="1479">
                  <c:v>0.11938253919796238</c:v>
                </c:pt>
                <c:pt idx="1480">
                  <c:v>0.1115546892735011</c:v>
                </c:pt>
                <c:pt idx="1481">
                  <c:v>0.11416397258165478</c:v>
                </c:pt>
                <c:pt idx="1482">
                  <c:v>9.3289706116424842E-2</c:v>
                </c:pt>
                <c:pt idx="1483">
                  <c:v>0.1011175560408859</c:v>
                </c:pt>
                <c:pt idx="1484">
                  <c:v>9.5898989424578529E-2</c:v>
                </c:pt>
                <c:pt idx="1485">
                  <c:v>0.10894540596534719</c:v>
                </c:pt>
                <c:pt idx="1486">
                  <c:v>9.328970611642462E-2</c:v>
                </c:pt>
                <c:pt idx="1487">
                  <c:v>0.10894540596534696</c:v>
                </c:pt>
                <c:pt idx="1488">
                  <c:v>0.10372683934903959</c:v>
                </c:pt>
                <c:pt idx="1489">
                  <c:v>0.11938253919796193</c:v>
                </c:pt>
                <c:pt idx="1490">
                  <c:v>0.11938253919796193</c:v>
                </c:pt>
                <c:pt idx="1491">
                  <c:v>0.14547537227949947</c:v>
                </c:pt>
                <c:pt idx="1492">
                  <c:v>0.14808465558765338</c:v>
                </c:pt>
                <c:pt idx="1493">
                  <c:v>0.16113107212842204</c:v>
                </c:pt>
                <c:pt idx="1494">
                  <c:v>0.16634963874472941</c:v>
                </c:pt>
                <c:pt idx="1495">
                  <c:v>0.15069393889580707</c:v>
                </c:pt>
                <c:pt idx="1496">
                  <c:v>0.15330322220396075</c:v>
                </c:pt>
                <c:pt idx="1497">
                  <c:v>0.12981967243057713</c:v>
                </c:pt>
                <c:pt idx="1498">
                  <c:v>0.1350382390468845</c:v>
                </c:pt>
                <c:pt idx="1499">
                  <c:v>0.12460110581426931</c:v>
                </c:pt>
                <c:pt idx="1500">
                  <c:v>0.11155468927350043</c:v>
                </c:pt>
                <c:pt idx="1501">
                  <c:v>0.10633612265719306</c:v>
                </c:pt>
                <c:pt idx="1502">
                  <c:v>9.0680422808270267E-2</c:v>
                </c:pt>
                <c:pt idx="1503">
                  <c:v>8.0243289575655297E-2</c:v>
                </c:pt>
                <c:pt idx="1504">
                  <c:v>8.0243289575655297E-2</c:v>
                </c:pt>
                <c:pt idx="1505">
                  <c:v>6.9806156343040326E-2</c:v>
                </c:pt>
                <c:pt idx="1506">
                  <c:v>9.0680422808270489E-2</c:v>
                </c:pt>
                <c:pt idx="1507">
                  <c:v>9.8508272732731772E-2</c:v>
                </c:pt>
                <c:pt idx="1508">
                  <c:v>8.8071139500116802E-2</c:v>
                </c:pt>
                <c:pt idx="1509">
                  <c:v>6.4587589726732952E-2</c:v>
                </c:pt>
                <c:pt idx="1510">
                  <c:v>9.0680422808270489E-2</c:v>
                </c:pt>
                <c:pt idx="1511">
                  <c:v>8.8071139500116802E-2</c:v>
                </c:pt>
                <c:pt idx="1512">
                  <c:v>7.763400626750161E-2</c:v>
                </c:pt>
                <c:pt idx="1513">
                  <c:v>7.5024722959347923E-2</c:v>
                </c:pt>
                <c:pt idx="1514">
                  <c:v>7.5024722959347923E-2</c:v>
                </c:pt>
                <c:pt idx="1515">
                  <c:v>7.763400626750161E-2</c:v>
                </c:pt>
                <c:pt idx="1516">
                  <c:v>7.763400626750161E-2</c:v>
                </c:pt>
                <c:pt idx="1517">
                  <c:v>8.5461856191962893E-2</c:v>
                </c:pt>
                <c:pt idx="1518">
                  <c:v>9.0680422808270489E-2</c:v>
                </c:pt>
                <c:pt idx="1519">
                  <c:v>6.1978306418579265E-2</c:v>
                </c:pt>
                <c:pt idx="1520">
                  <c:v>6.4587589726732952E-2</c:v>
                </c:pt>
                <c:pt idx="1521">
                  <c:v>8.807113950011658E-2</c:v>
                </c:pt>
                <c:pt idx="1522">
                  <c:v>8.807113950011658E-2</c:v>
                </c:pt>
                <c:pt idx="1523">
                  <c:v>9.0680422808270267E-2</c:v>
                </c:pt>
                <c:pt idx="1524">
                  <c:v>9.3289706116424176E-2</c:v>
                </c:pt>
                <c:pt idx="1525">
                  <c:v>7.763400626750161E-2</c:v>
                </c:pt>
                <c:pt idx="1526">
                  <c:v>7.5024722959347923E-2</c:v>
                </c:pt>
                <c:pt idx="1527">
                  <c:v>4.6322606569656477E-2</c:v>
                </c:pt>
                <c:pt idx="1528">
                  <c:v>5.6759739802271447E-2</c:v>
                </c:pt>
                <c:pt idx="1529">
                  <c:v>5.9369023110425134E-2</c:v>
                </c:pt>
                <c:pt idx="1530">
                  <c:v>5.9369023110425134E-2</c:v>
                </c:pt>
                <c:pt idx="1531">
                  <c:v>6.7196873034886639E-2</c:v>
                </c:pt>
                <c:pt idx="1532">
                  <c:v>6.1978306418579265E-2</c:v>
                </c:pt>
                <c:pt idx="1533">
                  <c:v>6.1978306418579265E-2</c:v>
                </c:pt>
                <c:pt idx="1534">
                  <c:v>6.1978306418579265E-2</c:v>
                </c:pt>
                <c:pt idx="1535">
                  <c:v>6.4587589726732952E-2</c:v>
                </c:pt>
                <c:pt idx="1536">
                  <c:v>6.1978306418579265E-2</c:v>
                </c:pt>
                <c:pt idx="1537">
                  <c:v>5.4150456494117982E-2</c:v>
                </c:pt>
                <c:pt idx="1538">
                  <c:v>5.4150456494117982E-2</c:v>
                </c:pt>
                <c:pt idx="1539">
                  <c:v>5.4150456494117982E-2</c:v>
                </c:pt>
                <c:pt idx="1540">
                  <c:v>5.9369023110425578E-2</c:v>
                </c:pt>
                <c:pt idx="1541">
                  <c:v>7.241543965119468E-2</c:v>
                </c:pt>
                <c:pt idx="1542">
                  <c:v>6.9806156343040771E-2</c:v>
                </c:pt>
                <c:pt idx="1543">
                  <c:v>6.1978306418579709E-2</c:v>
                </c:pt>
                <c:pt idx="1544">
                  <c:v>6.9806156343040771E-2</c:v>
                </c:pt>
                <c:pt idx="1545">
                  <c:v>6.4587589726733396E-2</c:v>
                </c:pt>
                <c:pt idx="1546">
                  <c:v>5.6759739802272113E-2</c:v>
                </c:pt>
                <c:pt idx="1547">
                  <c:v>6.1978306418579709E-2</c:v>
                </c:pt>
                <c:pt idx="1548">
                  <c:v>6.4587589726733396E-2</c:v>
                </c:pt>
                <c:pt idx="1549">
                  <c:v>6.9806156343040993E-2</c:v>
                </c:pt>
                <c:pt idx="1550">
                  <c:v>6.7196873034887306E-2</c:v>
                </c:pt>
                <c:pt idx="1551">
                  <c:v>6.9806156343040993E-2</c:v>
                </c:pt>
                <c:pt idx="1552">
                  <c:v>6.7196873034887306E-2</c:v>
                </c:pt>
                <c:pt idx="1553">
                  <c:v>7.2415439651194902E-2</c:v>
                </c:pt>
                <c:pt idx="1554">
                  <c:v>6.9806156343040993E-2</c:v>
                </c:pt>
                <c:pt idx="1555">
                  <c:v>6.4587589726733619E-2</c:v>
                </c:pt>
                <c:pt idx="1556">
                  <c:v>5.9369023110426022E-2</c:v>
                </c:pt>
                <c:pt idx="1557">
                  <c:v>6.7196873034887528E-2</c:v>
                </c:pt>
                <c:pt idx="1558">
                  <c:v>8.5461856191963781E-2</c:v>
                </c:pt>
                <c:pt idx="1559">
                  <c:v>9.3289706116425064E-2</c:v>
                </c:pt>
                <c:pt idx="1560">
                  <c:v>9.5898989424578751E-2</c:v>
                </c:pt>
                <c:pt idx="1561">
                  <c:v>8.5461856191963781E-2</c:v>
                </c:pt>
                <c:pt idx="1562">
                  <c:v>8.5461856191963781E-2</c:v>
                </c:pt>
                <c:pt idx="1563">
                  <c:v>8.5461856191963781E-2</c:v>
                </c:pt>
                <c:pt idx="1564">
                  <c:v>7.7634006267502498E-2</c:v>
                </c:pt>
                <c:pt idx="1565">
                  <c:v>9.3289706116425286E-2</c:v>
                </c:pt>
                <c:pt idx="1566">
                  <c:v>9.850827273273266E-2</c:v>
                </c:pt>
                <c:pt idx="1567">
                  <c:v>9.5898989424578973E-2</c:v>
                </c:pt>
                <c:pt idx="1568">
                  <c:v>9.0680422808271377E-2</c:v>
                </c:pt>
                <c:pt idx="1569">
                  <c:v>9.850827273273266E-2</c:v>
                </c:pt>
                <c:pt idx="1570">
                  <c:v>0.10111755604088635</c:v>
                </c:pt>
                <c:pt idx="1571">
                  <c:v>9.850827273273266E-2</c:v>
                </c:pt>
                <c:pt idx="1572">
                  <c:v>8.2852572883810094E-2</c:v>
                </c:pt>
                <c:pt idx="1573">
                  <c:v>8.8071139500117468E-2</c:v>
                </c:pt>
                <c:pt idx="1574">
                  <c:v>8.0243289575656185E-2</c:v>
                </c:pt>
                <c:pt idx="1575">
                  <c:v>8.5461856191963781E-2</c:v>
                </c:pt>
                <c:pt idx="1576">
                  <c:v>7.5024722959348811E-2</c:v>
                </c:pt>
                <c:pt idx="1577">
                  <c:v>8.5461856191963781E-2</c:v>
                </c:pt>
                <c:pt idx="1578">
                  <c:v>8.2852572883810094E-2</c:v>
                </c:pt>
                <c:pt idx="1579">
                  <c:v>5.9369023110426022E-2</c:v>
                </c:pt>
                <c:pt idx="1580">
                  <c:v>4.8931889877811052E-2</c:v>
                </c:pt>
                <c:pt idx="1581">
                  <c:v>1.7620490179966142E-2</c:v>
                </c:pt>
                <c:pt idx="1582">
                  <c:v>3.3276190028888708E-2</c:v>
                </c:pt>
                <c:pt idx="1583">
                  <c:v>-2.4128042750493961E-2</c:v>
                </c:pt>
                <c:pt idx="1584">
                  <c:v>-5.8630595934178187E-3</c:v>
                </c:pt>
                <c:pt idx="1585">
                  <c:v>4.8931889877811052E-2</c:v>
                </c:pt>
                <c:pt idx="1586">
                  <c:v>5.1541173185965183E-2</c:v>
                </c:pt>
                <c:pt idx="1587">
                  <c:v>4.8931889877811274E-2</c:v>
                </c:pt>
                <c:pt idx="1588">
                  <c:v>2.8057623412581334E-2</c:v>
                </c:pt>
                <c:pt idx="1589">
                  <c:v>2.0229773488120051E-2</c:v>
                </c:pt>
                <c:pt idx="1590">
                  <c:v>3.0666906720735021E-2</c:v>
                </c:pt>
                <c:pt idx="1591">
                  <c:v>3.0666906720735021E-2</c:v>
                </c:pt>
                <c:pt idx="1592">
                  <c:v>3.0666906720735021E-2</c:v>
                </c:pt>
                <c:pt idx="1593">
                  <c:v>2.5448340104427425E-2</c:v>
                </c:pt>
                <c:pt idx="1594">
                  <c:v>3.8494756645196304E-2</c:v>
                </c:pt>
                <c:pt idx="1595">
                  <c:v>3.3276190028888708E-2</c:v>
                </c:pt>
                <c:pt idx="1596">
                  <c:v>2.8057623412581112E-2</c:v>
                </c:pt>
                <c:pt idx="1597">
                  <c:v>3.0666906720735021E-2</c:v>
                </c:pt>
                <c:pt idx="1598">
                  <c:v>3.0666906720735021E-2</c:v>
                </c:pt>
                <c:pt idx="1599">
                  <c:v>2.5448340104427425E-2</c:v>
                </c:pt>
                <c:pt idx="1600">
                  <c:v>3.0666906720734799E-2</c:v>
                </c:pt>
                <c:pt idx="1601">
                  <c:v>2.5448340104427203E-2</c:v>
                </c:pt>
                <c:pt idx="1602">
                  <c:v>2.5448340104427203E-2</c:v>
                </c:pt>
                <c:pt idx="1603">
                  <c:v>2.2839056796273294E-2</c:v>
                </c:pt>
                <c:pt idx="1604">
                  <c:v>2.0229773488119607E-2</c:v>
                </c:pt>
                <c:pt idx="1605">
                  <c:v>2.0229773488119607E-2</c:v>
                </c:pt>
                <c:pt idx="1606">
                  <c:v>1.5011206871812011E-2</c:v>
                </c:pt>
                <c:pt idx="1607">
                  <c:v>2.0229773488119607E-2</c:v>
                </c:pt>
                <c:pt idx="1608">
                  <c:v>1.5011206871812011E-2</c:v>
                </c:pt>
                <c:pt idx="1609">
                  <c:v>2.0229773488119607E-2</c:v>
                </c:pt>
                <c:pt idx="1610">
                  <c:v>2.0229773488119607E-2</c:v>
                </c:pt>
                <c:pt idx="1611">
                  <c:v>2.2839056796273294E-2</c:v>
                </c:pt>
                <c:pt idx="1612">
                  <c:v>1.762049017996592E-2</c:v>
                </c:pt>
                <c:pt idx="1613">
                  <c:v>1.5011206871812233E-2</c:v>
                </c:pt>
                <c:pt idx="1614">
                  <c:v>1.762049017996592E-2</c:v>
                </c:pt>
                <c:pt idx="1615">
                  <c:v>2.0229773488119607E-2</c:v>
                </c:pt>
                <c:pt idx="1616">
                  <c:v>3.0666906720734577E-2</c:v>
                </c:pt>
                <c:pt idx="1617">
                  <c:v>3.0666906720734577E-2</c:v>
                </c:pt>
                <c:pt idx="1618">
                  <c:v>2.805762341258089E-2</c:v>
                </c:pt>
                <c:pt idx="1619">
                  <c:v>3.0666906720734799E-2</c:v>
                </c:pt>
                <c:pt idx="1620">
                  <c:v>3.0666906720734799E-2</c:v>
                </c:pt>
                <c:pt idx="1621">
                  <c:v>2.5448340104427203E-2</c:v>
                </c:pt>
                <c:pt idx="1622">
                  <c:v>2.2839056796273294E-2</c:v>
                </c:pt>
                <c:pt idx="1623">
                  <c:v>2.2839056796273294E-2</c:v>
                </c:pt>
                <c:pt idx="1624">
                  <c:v>2.0229773488119607E-2</c:v>
                </c:pt>
                <c:pt idx="1625">
                  <c:v>1.5011206871812011E-2</c:v>
                </c:pt>
                <c:pt idx="1626">
                  <c:v>2.5448340104427203E-2</c:v>
                </c:pt>
                <c:pt idx="1627">
                  <c:v>1.762049017996592E-2</c:v>
                </c:pt>
                <c:pt idx="1628">
                  <c:v>1.2401923563658324E-2</c:v>
                </c:pt>
                <c:pt idx="1629">
                  <c:v>9.7926402555046366E-3</c:v>
                </c:pt>
                <c:pt idx="1630">
                  <c:v>1.762049017996592E-2</c:v>
                </c:pt>
                <c:pt idx="1631">
                  <c:v>1.5011206871812233E-2</c:v>
                </c:pt>
                <c:pt idx="1632">
                  <c:v>2.8057623412581112E-2</c:v>
                </c:pt>
                <c:pt idx="1633">
                  <c:v>2.5448340104427425E-2</c:v>
                </c:pt>
                <c:pt idx="1634">
                  <c:v>2.0229773488119829E-2</c:v>
                </c:pt>
                <c:pt idx="1635">
                  <c:v>2.0229773488119829E-2</c:v>
                </c:pt>
                <c:pt idx="1636">
                  <c:v>6.4587589726733619E-2</c:v>
                </c:pt>
                <c:pt idx="1637">
                  <c:v>3.8494756645196082E-2</c:v>
                </c:pt>
                <c:pt idx="1638">
                  <c:v>4.1104039953349769E-2</c:v>
                </c:pt>
                <c:pt idx="1639">
                  <c:v>5.6759739802272113E-2</c:v>
                </c:pt>
                <c:pt idx="1640">
                  <c:v>4.1104039953349769E-2</c:v>
                </c:pt>
                <c:pt idx="1641">
                  <c:v>3.849475664519586E-2</c:v>
                </c:pt>
                <c:pt idx="1642">
                  <c:v>2.5448340104426981E-2</c:v>
                </c:pt>
                <c:pt idx="1643">
                  <c:v>2.0229773488119385E-2</c:v>
                </c:pt>
                <c:pt idx="1644">
                  <c:v>2.0229773488119385E-2</c:v>
                </c:pt>
                <c:pt idx="1645">
                  <c:v>1.5011206871811789E-2</c:v>
                </c:pt>
                <c:pt idx="1646">
                  <c:v>1.2401923563658102E-2</c:v>
                </c:pt>
                <c:pt idx="1647">
                  <c:v>4.5740736391968184E-3</c:v>
                </c:pt>
                <c:pt idx="1648">
                  <c:v>7.1833569473505055E-3</c:v>
                </c:pt>
                <c:pt idx="1649">
                  <c:v>7.1833569473505055E-3</c:v>
                </c:pt>
                <c:pt idx="1650">
                  <c:v>9.7926402555041925E-3</c:v>
                </c:pt>
                <c:pt idx="1651">
                  <c:v>7.1833569473502834E-3</c:v>
                </c:pt>
                <c:pt idx="1652">
                  <c:v>7.1833569473502834E-3</c:v>
                </c:pt>
                <c:pt idx="1653">
                  <c:v>1.5011206871811567E-2</c:v>
                </c:pt>
                <c:pt idx="1654">
                  <c:v>1.240192356365788E-2</c:v>
                </c:pt>
                <c:pt idx="1655">
                  <c:v>1.9647903310429093E-3</c:v>
                </c:pt>
                <c:pt idx="1656">
                  <c:v>7.1833569473502834E-3</c:v>
                </c:pt>
                <c:pt idx="1657">
                  <c:v>7.1833569473502834E-3</c:v>
                </c:pt>
                <c:pt idx="1658">
                  <c:v>1.9647903310426873E-3</c:v>
                </c:pt>
                <c:pt idx="1659">
                  <c:v>7.1833569473500614E-3</c:v>
                </c:pt>
                <c:pt idx="1660">
                  <c:v>1.9647903310424653E-3</c:v>
                </c:pt>
                <c:pt idx="1661">
                  <c:v>1.9647903310424653E-3</c:v>
                </c:pt>
                <c:pt idx="1662">
                  <c:v>-5.8630595934188179E-3</c:v>
                </c:pt>
                <c:pt idx="1663">
                  <c:v>-1.3690909517880212E-2</c:v>
                </c:pt>
                <c:pt idx="1664">
                  <c:v>-1.8909476134187808E-2</c:v>
                </c:pt>
                <c:pt idx="1665">
                  <c:v>-8.472342901572727E-3</c:v>
                </c:pt>
                <c:pt idx="1666">
                  <c:v>-5.8630595934188179E-3</c:v>
                </c:pt>
                <c:pt idx="1667">
                  <c:v>-3.2537762852652419E-3</c:v>
                </c:pt>
                <c:pt idx="1668">
                  <c:v>1.9647903310422432E-3</c:v>
                </c:pt>
                <c:pt idx="1669">
                  <c:v>1.9647903310422432E-3</c:v>
                </c:pt>
                <c:pt idx="1670">
                  <c:v>-6.4449297711144382E-4</c:v>
                </c:pt>
                <c:pt idx="1671">
                  <c:v>-8.472342901572727E-3</c:v>
                </c:pt>
                <c:pt idx="1672">
                  <c:v>-6.444929771113328E-4</c:v>
                </c:pt>
                <c:pt idx="1673">
                  <c:v>-3.2537762852651309E-3</c:v>
                </c:pt>
                <c:pt idx="1674">
                  <c:v>-6.444929771113328E-4</c:v>
                </c:pt>
                <c:pt idx="1675">
                  <c:v>-6.444929771113328E-4</c:v>
                </c:pt>
                <c:pt idx="1676">
                  <c:v>-8.4723429015726159E-3</c:v>
                </c:pt>
                <c:pt idx="1677">
                  <c:v>-1.1081626209726303E-2</c:v>
                </c:pt>
                <c:pt idx="1678">
                  <c:v>-1.1081626209726303E-2</c:v>
                </c:pt>
                <c:pt idx="1679">
                  <c:v>-6.444929771113328E-4</c:v>
                </c:pt>
                <c:pt idx="1680">
                  <c:v>-3.2537762852651309E-3</c:v>
                </c:pt>
                <c:pt idx="1681">
                  <c:v>-6.444929771113328E-4</c:v>
                </c:pt>
                <c:pt idx="1682">
                  <c:v>1.5011206871811344E-2</c:v>
                </c:pt>
                <c:pt idx="1683">
                  <c:v>7.1833569473500614E-3</c:v>
                </c:pt>
                <c:pt idx="1684">
                  <c:v>-5.8630595934187069E-3</c:v>
                </c:pt>
                <c:pt idx="1685">
                  <c:v>-1.1081626209726303E-2</c:v>
                </c:pt>
                <c:pt idx="1686">
                  <c:v>-1.1081626209726303E-2</c:v>
                </c:pt>
                <c:pt idx="1687">
                  <c:v>-8.4723429015726159E-3</c:v>
                </c:pt>
                <c:pt idx="1688">
                  <c:v>-8.4723429015726159E-3</c:v>
                </c:pt>
                <c:pt idx="1689">
                  <c:v>9.7926402555037484E-3</c:v>
                </c:pt>
                <c:pt idx="1690">
                  <c:v>-3.2537762852651309E-3</c:v>
                </c:pt>
                <c:pt idx="1691">
                  <c:v>-6.444929771113328E-4</c:v>
                </c:pt>
                <c:pt idx="1692">
                  <c:v>-5.8630595934188179E-3</c:v>
                </c:pt>
                <c:pt idx="1693">
                  <c:v>-5.8630595934188179E-3</c:v>
                </c:pt>
                <c:pt idx="1694">
                  <c:v>-8.4723429015726159E-3</c:v>
                </c:pt>
                <c:pt idx="1695">
                  <c:v>-8.4723429015726159E-3</c:v>
                </c:pt>
                <c:pt idx="1696">
                  <c:v>-1.3690909517880101E-2</c:v>
                </c:pt>
                <c:pt idx="1697">
                  <c:v>-1.8909476134187697E-2</c:v>
                </c:pt>
                <c:pt idx="1698">
                  <c:v>-2.9346609366802556E-2</c:v>
                </c:pt>
                <c:pt idx="1699">
                  <c:v>-3.717445929126395E-2</c:v>
                </c:pt>
                <c:pt idx="1700">
                  <c:v>-3.9783742599417637E-2</c:v>
                </c:pt>
                <c:pt idx="1701">
                  <c:v>-4.2393025907571436E-2</c:v>
                </c:pt>
                <c:pt idx="1702">
                  <c:v>-5.2830159140186517E-2</c:v>
                </c:pt>
                <c:pt idx="1703">
                  <c:v>-6.8485858989109083E-2</c:v>
                </c:pt>
                <c:pt idx="1704">
                  <c:v>-6.5876575680955285E-2</c:v>
                </c:pt>
                <c:pt idx="1705">
                  <c:v>-6.5876575680955285E-2</c:v>
                </c:pt>
                <c:pt idx="1706">
                  <c:v>-6.3267292372801487E-2</c:v>
                </c:pt>
                <c:pt idx="1707">
                  <c:v>-7.3704425605416568E-2</c:v>
                </c:pt>
                <c:pt idx="1708">
                  <c:v>-6.5876575680955285E-2</c:v>
                </c:pt>
                <c:pt idx="1709">
                  <c:v>-7.3704425605416568E-2</c:v>
                </c:pt>
                <c:pt idx="1710">
                  <c:v>-6.5876575680955285E-2</c:v>
                </c:pt>
                <c:pt idx="1711">
                  <c:v>-6.5876575680955285E-2</c:v>
                </c:pt>
                <c:pt idx="1712">
                  <c:v>-7.1095142297262881E-2</c:v>
                </c:pt>
                <c:pt idx="1713">
                  <c:v>-7.3704425605416679E-2</c:v>
                </c:pt>
                <c:pt idx="1714">
                  <c:v>-7.3704425605416679E-2</c:v>
                </c:pt>
                <c:pt idx="1715">
                  <c:v>-6.8485858989109194E-2</c:v>
                </c:pt>
                <c:pt idx="1716">
                  <c:v>-7.8922992221724164E-2</c:v>
                </c:pt>
                <c:pt idx="1717">
                  <c:v>-7.8922992221724164E-2</c:v>
                </c:pt>
                <c:pt idx="1718">
                  <c:v>-7.6313708913570255E-2</c:v>
                </c:pt>
                <c:pt idx="1719">
                  <c:v>-8.1532275529877851E-2</c:v>
                </c:pt>
                <c:pt idx="1720">
                  <c:v>-9.7187975378800417E-2</c:v>
                </c:pt>
                <c:pt idx="1721">
                  <c:v>-0.1050158253032617</c:v>
                </c:pt>
                <c:pt idx="1722">
                  <c:v>-0.11023439191956919</c:v>
                </c:pt>
                <c:pt idx="1723">
                  <c:v>-0.11284367522772298</c:v>
                </c:pt>
                <c:pt idx="1724">
                  <c:v>-0.11284367522772298</c:v>
                </c:pt>
                <c:pt idx="1725">
                  <c:v>-0.1050158253032617</c:v>
                </c:pt>
                <c:pt idx="1726">
                  <c:v>-0.11284367522772298</c:v>
                </c:pt>
                <c:pt idx="1727">
                  <c:v>-0.11284367522772298</c:v>
                </c:pt>
                <c:pt idx="1728">
                  <c:v>-0.12328080846033795</c:v>
                </c:pt>
                <c:pt idx="1729">
                  <c:v>-0.11545295853587667</c:v>
                </c:pt>
                <c:pt idx="1730">
                  <c:v>-0.10240654199510801</c:v>
                </c:pt>
                <c:pt idx="1731">
                  <c:v>-0.11023439191956919</c:v>
                </c:pt>
                <c:pt idx="1732">
                  <c:v>-0.11284367522772298</c:v>
                </c:pt>
                <c:pt idx="1733">
                  <c:v>-0.1076251086114155</c:v>
                </c:pt>
                <c:pt idx="1734">
                  <c:v>-9.9797258686954216E-2</c:v>
                </c:pt>
                <c:pt idx="1735">
                  <c:v>-0.10240654199510801</c:v>
                </c:pt>
                <c:pt idx="1736">
                  <c:v>-0.10240654199510801</c:v>
                </c:pt>
                <c:pt idx="1737">
                  <c:v>-0.1050158253032617</c:v>
                </c:pt>
                <c:pt idx="1738">
                  <c:v>-0.10240654199510801</c:v>
                </c:pt>
                <c:pt idx="1739">
                  <c:v>-0.1050158253032617</c:v>
                </c:pt>
                <c:pt idx="1740">
                  <c:v>-9.1969408762492932E-2</c:v>
                </c:pt>
                <c:pt idx="1741">
                  <c:v>-0.1024065419951079</c:v>
                </c:pt>
                <c:pt idx="1742">
                  <c:v>-0.1024065419951079</c:v>
                </c:pt>
                <c:pt idx="1743">
                  <c:v>-0.12067152515218416</c:v>
                </c:pt>
                <c:pt idx="1744">
                  <c:v>-0.12067152515218416</c:v>
                </c:pt>
                <c:pt idx="1745">
                  <c:v>-0.12849937507664555</c:v>
                </c:pt>
                <c:pt idx="1746">
                  <c:v>-0.12328080846033806</c:v>
                </c:pt>
                <c:pt idx="1747">
                  <c:v>-0.12849937507664555</c:v>
                </c:pt>
                <c:pt idx="1748">
                  <c:v>-0.13110865838479924</c:v>
                </c:pt>
                <c:pt idx="1749">
                  <c:v>-0.12849937507664544</c:v>
                </c:pt>
                <c:pt idx="1750">
                  <c:v>-0.13371794169295304</c:v>
                </c:pt>
                <c:pt idx="1751">
                  <c:v>-0.13110865838479924</c:v>
                </c:pt>
                <c:pt idx="1752">
                  <c:v>-0.13110865838479924</c:v>
                </c:pt>
                <c:pt idx="1753">
                  <c:v>-0.1493736415418756</c:v>
                </c:pt>
                <c:pt idx="1754">
                  <c:v>-0.15720149146633677</c:v>
                </c:pt>
                <c:pt idx="1755">
                  <c:v>-0.15720149146633677</c:v>
                </c:pt>
                <c:pt idx="1756">
                  <c:v>-0.1467643582337218</c:v>
                </c:pt>
                <c:pt idx="1757">
                  <c:v>-0.15459220815818298</c:v>
                </c:pt>
                <c:pt idx="1758">
                  <c:v>-0.15198292485002918</c:v>
                </c:pt>
                <c:pt idx="1759">
                  <c:v>-0.14937364154187549</c:v>
                </c:pt>
                <c:pt idx="1760">
                  <c:v>-0.14415507492556801</c:v>
                </c:pt>
                <c:pt idx="1761">
                  <c:v>-0.14415507492556801</c:v>
                </c:pt>
                <c:pt idx="1762">
                  <c:v>-0.12849937507664544</c:v>
                </c:pt>
                <c:pt idx="1763">
                  <c:v>-0.11806224184403036</c:v>
                </c:pt>
                <c:pt idx="1764">
                  <c:v>-0.12328080846033784</c:v>
                </c:pt>
                <c:pt idx="1765">
                  <c:v>-0.11284367522772287</c:v>
                </c:pt>
                <c:pt idx="1766">
                  <c:v>-0.11806224184403036</c:v>
                </c:pt>
                <c:pt idx="1767">
                  <c:v>-9.7187975378800195E-2</c:v>
                </c:pt>
                <c:pt idx="1768">
                  <c:v>-9.9797258686953882E-2</c:v>
                </c:pt>
                <c:pt idx="1769">
                  <c:v>-9.9797258686953882E-2</c:v>
                </c:pt>
                <c:pt idx="1770">
                  <c:v>-0.10240654199510768</c:v>
                </c:pt>
                <c:pt idx="1771">
                  <c:v>-0.10762510861141517</c:v>
                </c:pt>
                <c:pt idx="1772">
                  <c:v>-0.10501582530326137</c:v>
                </c:pt>
                <c:pt idx="1773">
                  <c:v>-8.6750842146185003E-2</c:v>
                </c:pt>
                <c:pt idx="1774">
                  <c:v>-9.1969408762492488E-2</c:v>
                </c:pt>
                <c:pt idx="1775">
                  <c:v>-7.3704425605416124E-2</c:v>
                </c:pt>
                <c:pt idx="1776">
                  <c:v>-8.1532275529877407E-2</c:v>
                </c:pt>
                <c:pt idx="1777">
                  <c:v>-8.6750842146185003E-2</c:v>
                </c:pt>
                <c:pt idx="1778">
                  <c:v>-9.7187975378800084E-2</c:v>
                </c:pt>
                <c:pt idx="1779">
                  <c:v>-8.6750842146185003E-2</c:v>
                </c:pt>
                <c:pt idx="1780">
                  <c:v>-9.1969408762492488E-2</c:v>
                </c:pt>
                <c:pt idx="1781">
                  <c:v>-9.4578692070646175E-2</c:v>
                </c:pt>
                <c:pt idx="1782">
                  <c:v>-0.10240654199510746</c:v>
                </c:pt>
                <c:pt idx="1783">
                  <c:v>-9.979725868695366E-2</c:v>
                </c:pt>
                <c:pt idx="1784">
                  <c:v>-0.10240654199510746</c:v>
                </c:pt>
                <c:pt idx="1785">
                  <c:v>-0.10762510861141494</c:v>
                </c:pt>
                <c:pt idx="1786">
                  <c:v>-9.979725868695366E-2</c:v>
                </c:pt>
                <c:pt idx="1787">
                  <c:v>-9.7187975378800084E-2</c:v>
                </c:pt>
                <c:pt idx="1788">
                  <c:v>-9.9797258686953771E-2</c:v>
                </c:pt>
                <c:pt idx="1789">
                  <c:v>-0.10240654199510757</c:v>
                </c:pt>
                <c:pt idx="1790">
                  <c:v>-0.10762510861141505</c:v>
                </c:pt>
                <c:pt idx="1791">
                  <c:v>-0.11284367522772265</c:v>
                </c:pt>
                <c:pt idx="1792">
                  <c:v>-0.10762510861141517</c:v>
                </c:pt>
                <c:pt idx="1793">
                  <c:v>-0.10501582530326137</c:v>
                </c:pt>
                <c:pt idx="1794">
                  <c:v>-9.9797258686953882E-2</c:v>
                </c:pt>
                <c:pt idx="1795">
                  <c:v>-9.196940876249271E-2</c:v>
                </c:pt>
                <c:pt idx="1796">
                  <c:v>-9.7187975378800306E-2</c:v>
                </c:pt>
                <c:pt idx="1797">
                  <c:v>-9.9797258686953993E-2</c:v>
                </c:pt>
                <c:pt idx="1798">
                  <c:v>-9.4578692070646397E-2</c:v>
                </c:pt>
                <c:pt idx="1799">
                  <c:v>-9.1969408762492821E-2</c:v>
                </c:pt>
                <c:pt idx="1800">
                  <c:v>-9.7187975378800417E-2</c:v>
                </c:pt>
                <c:pt idx="1801">
                  <c:v>-9.4578692070646508E-2</c:v>
                </c:pt>
                <c:pt idx="1802">
                  <c:v>-8.9360125454338912E-2</c:v>
                </c:pt>
                <c:pt idx="1803">
                  <c:v>-8.6750842146185114E-2</c:v>
                </c:pt>
                <c:pt idx="1804">
                  <c:v>-8.1532275529877518E-2</c:v>
                </c:pt>
                <c:pt idx="1805">
                  <c:v>-8.4141558838031316E-2</c:v>
                </c:pt>
                <c:pt idx="1806">
                  <c:v>-7.8922992221723942E-2</c:v>
                </c:pt>
                <c:pt idx="1807">
                  <c:v>-6.8485858989108972E-2</c:v>
                </c:pt>
                <c:pt idx="1808">
                  <c:v>-6.8485858989108972E-2</c:v>
                </c:pt>
                <c:pt idx="1809">
                  <c:v>-7.109514229726277E-2</c:v>
                </c:pt>
                <c:pt idx="1810">
                  <c:v>-6.5876575680955396E-2</c:v>
                </c:pt>
                <c:pt idx="1811">
                  <c:v>-6.8485858989109194E-2</c:v>
                </c:pt>
                <c:pt idx="1812">
                  <c:v>-5.2830159140186739E-2</c:v>
                </c:pt>
                <c:pt idx="1813">
                  <c:v>-5.8048725756494335E-2</c:v>
                </c:pt>
                <c:pt idx="1814">
                  <c:v>-4.5002309215725456E-2</c:v>
                </c:pt>
                <c:pt idx="1815">
                  <c:v>-2.6737326058649202E-2</c:v>
                </c:pt>
                <c:pt idx="1816">
                  <c:v>-2.9346609366802889E-2</c:v>
                </c:pt>
                <c:pt idx="1817">
                  <c:v>-3.1955892674956798E-2</c:v>
                </c:pt>
                <c:pt idx="1818">
                  <c:v>-2.4128042750495515E-2</c:v>
                </c:pt>
                <c:pt idx="1819">
                  <c:v>-1.3690909517880656E-2</c:v>
                </c:pt>
                <c:pt idx="1820">
                  <c:v>-2.6737326058649313E-2</c:v>
                </c:pt>
                <c:pt idx="1821">
                  <c:v>-2.4128042750495515E-2</c:v>
                </c:pt>
                <c:pt idx="1822">
                  <c:v>-3.1955892674956798E-2</c:v>
                </c:pt>
                <c:pt idx="1823">
                  <c:v>-9.9797258686954327E-2</c:v>
                </c:pt>
                <c:pt idx="1824">
                  <c:v>-0.11023439191956941</c:v>
                </c:pt>
                <c:pt idx="1825">
                  <c:v>-0.10762510861141561</c:v>
                </c:pt>
                <c:pt idx="1826">
                  <c:v>-0.11806224184403058</c:v>
                </c:pt>
                <c:pt idx="1827">
                  <c:v>-0.11545295853587667</c:v>
                </c:pt>
                <c:pt idx="1828">
                  <c:v>-0.11545295853587667</c:v>
                </c:pt>
                <c:pt idx="1829">
                  <c:v>-0.11545295853587667</c:v>
                </c:pt>
                <c:pt idx="1830">
                  <c:v>-0.11545295853587667</c:v>
                </c:pt>
                <c:pt idx="1831">
                  <c:v>-0.11023439191956907</c:v>
                </c:pt>
                <c:pt idx="1832">
                  <c:v>-0.10762510861141528</c:v>
                </c:pt>
                <c:pt idx="1833">
                  <c:v>-0.10762510861141528</c:v>
                </c:pt>
                <c:pt idx="1834">
                  <c:v>-9.9797258686953993E-2</c:v>
                </c:pt>
                <c:pt idx="1835">
                  <c:v>-9.4578692070646397E-2</c:v>
                </c:pt>
                <c:pt idx="1836">
                  <c:v>-0.10762510861141517</c:v>
                </c:pt>
                <c:pt idx="1837">
                  <c:v>-9.9797258686953882E-2</c:v>
                </c:pt>
                <c:pt idx="1838">
                  <c:v>-0.10240654199510768</c:v>
                </c:pt>
                <c:pt idx="1839">
                  <c:v>-9.9797258686953882E-2</c:v>
                </c:pt>
                <c:pt idx="1840">
                  <c:v>-9.4578692070646286E-2</c:v>
                </c:pt>
                <c:pt idx="1841">
                  <c:v>-9.7187975378800084E-2</c:v>
                </c:pt>
                <c:pt idx="1842">
                  <c:v>-9.9797258686953771E-2</c:v>
                </c:pt>
                <c:pt idx="1843">
                  <c:v>-9.9797258686953771E-2</c:v>
                </c:pt>
                <c:pt idx="1844">
                  <c:v>-0.10762510861141505</c:v>
                </c:pt>
                <c:pt idx="1845">
                  <c:v>-0.10501582530326126</c:v>
                </c:pt>
                <c:pt idx="1846">
                  <c:v>-0.10240654199510757</c:v>
                </c:pt>
                <c:pt idx="1847">
                  <c:v>-9.1969408762492488E-2</c:v>
                </c:pt>
                <c:pt idx="1848">
                  <c:v>-8.1532275529877407E-2</c:v>
                </c:pt>
                <c:pt idx="1849">
                  <c:v>-6.0658009064647356E-2</c:v>
                </c:pt>
                <c:pt idx="1850">
                  <c:v>-6.3267292372801154E-2</c:v>
                </c:pt>
                <c:pt idx="1851">
                  <c:v>-6.8485858989108639E-2</c:v>
                </c:pt>
                <c:pt idx="1852">
                  <c:v>-6.0658009064647356E-2</c:v>
                </c:pt>
                <c:pt idx="1853">
                  <c:v>-6.3267292372801154E-2</c:v>
                </c:pt>
                <c:pt idx="1854">
                  <c:v>-5.8048725756493669E-2</c:v>
                </c:pt>
                <c:pt idx="1855">
                  <c:v>-6.3267292372801265E-2</c:v>
                </c:pt>
                <c:pt idx="1856">
                  <c:v>-6.5876575680954952E-2</c:v>
                </c:pt>
                <c:pt idx="1857">
                  <c:v>-8.1532275529877518E-2</c:v>
                </c:pt>
                <c:pt idx="1858">
                  <c:v>-8.4141558838031316E-2</c:v>
                </c:pt>
                <c:pt idx="1859">
                  <c:v>-7.1095142297262437E-2</c:v>
                </c:pt>
                <c:pt idx="1860">
                  <c:v>-7.8922992221723831E-2</c:v>
                </c:pt>
                <c:pt idx="1861">
                  <c:v>-8.4141558838031316E-2</c:v>
                </c:pt>
                <c:pt idx="1862">
                  <c:v>-8.4141558838031316E-2</c:v>
                </c:pt>
                <c:pt idx="1863">
                  <c:v>-8.1532275529877518E-2</c:v>
                </c:pt>
                <c:pt idx="1864">
                  <c:v>-8.4141558838031316E-2</c:v>
                </c:pt>
                <c:pt idx="1865">
                  <c:v>-8.1532275529877518E-2</c:v>
                </c:pt>
                <c:pt idx="1866">
                  <c:v>-8.1532275529877518E-2</c:v>
                </c:pt>
                <c:pt idx="1867">
                  <c:v>-8.6750842146185114E-2</c:v>
                </c:pt>
                <c:pt idx="1868">
                  <c:v>-8.4141558838031316E-2</c:v>
                </c:pt>
                <c:pt idx="1869">
                  <c:v>-8.6750842146185003E-2</c:v>
                </c:pt>
                <c:pt idx="1870">
                  <c:v>-8.936012545433869E-2</c:v>
                </c:pt>
                <c:pt idx="1871">
                  <c:v>-8.936012545433869E-2</c:v>
                </c:pt>
                <c:pt idx="1872">
                  <c:v>-0.10240654199510757</c:v>
                </c:pt>
                <c:pt idx="1873">
                  <c:v>-9.7187975378800084E-2</c:v>
                </c:pt>
                <c:pt idx="1874">
                  <c:v>-9.1969408762492488E-2</c:v>
                </c:pt>
                <c:pt idx="1875">
                  <c:v>-8.1532275529877407E-2</c:v>
                </c:pt>
                <c:pt idx="1876">
                  <c:v>-7.3704425605416124E-2</c:v>
                </c:pt>
                <c:pt idx="1877">
                  <c:v>-6.3267292372801154E-2</c:v>
                </c:pt>
                <c:pt idx="1878">
                  <c:v>-5.8048725756493669E-2</c:v>
                </c:pt>
                <c:pt idx="1879">
                  <c:v>-6.3267292372801265E-2</c:v>
                </c:pt>
                <c:pt idx="1880">
                  <c:v>-7.1095142297262548E-2</c:v>
                </c:pt>
                <c:pt idx="1881">
                  <c:v>-7.3704425605416346E-2</c:v>
                </c:pt>
                <c:pt idx="1882">
                  <c:v>-6.8485858989108861E-2</c:v>
                </c:pt>
                <c:pt idx="1883">
                  <c:v>-6.8485858989108861E-2</c:v>
                </c:pt>
                <c:pt idx="1884">
                  <c:v>-7.3704425605416346E-2</c:v>
                </c:pt>
                <c:pt idx="1885">
                  <c:v>-7.1095142297262548E-2</c:v>
                </c:pt>
                <c:pt idx="1886">
                  <c:v>-7.1095142297262548E-2</c:v>
                </c:pt>
                <c:pt idx="1887">
                  <c:v>-7.1095142297262548E-2</c:v>
                </c:pt>
                <c:pt idx="1888">
                  <c:v>-8.9360125454338801E-2</c:v>
                </c:pt>
                <c:pt idx="1889">
                  <c:v>-8.6750842146185003E-2</c:v>
                </c:pt>
                <c:pt idx="1890">
                  <c:v>-7.6313708913570033E-2</c:v>
                </c:pt>
                <c:pt idx="1891">
                  <c:v>-7.3704425605416346E-2</c:v>
                </c:pt>
                <c:pt idx="1892">
                  <c:v>-7.3704425605416346E-2</c:v>
                </c:pt>
                <c:pt idx="1893">
                  <c:v>-8.1532275529877629E-2</c:v>
                </c:pt>
                <c:pt idx="1894">
                  <c:v>-7.8922992221724053E-2</c:v>
                </c:pt>
                <c:pt idx="1895">
                  <c:v>-7.8922992221724053E-2</c:v>
                </c:pt>
                <c:pt idx="1896">
                  <c:v>-8.153227552987774E-2</c:v>
                </c:pt>
                <c:pt idx="1897">
                  <c:v>-8.4141558838031538E-2</c:v>
                </c:pt>
                <c:pt idx="1898">
                  <c:v>-9.1969408762492821E-2</c:v>
                </c:pt>
                <c:pt idx="1899">
                  <c:v>-9.1969408762492821E-2</c:v>
                </c:pt>
                <c:pt idx="1900">
                  <c:v>-8.6750842146185225E-2</c:v>
                </c:pt>
                <c:pt idx="1901">
                  <c:v>-8.1532275529877629E-2</c:v>
                </c:pt>
                <c:pt idx="1902">
                  <c:v>-8.1532275529877629E-2</c:v>
                </c:pt>
                <c:pt idx="1903">
                  <c:v>-8.1532275529877629E-2</c:v>
                </c:pt>
                <c:pt idx="1904">
                  <c:v>-8.4141558838031427E-2</c:v>
                </c:pt>
                <c:pt idx="1905">
                  <c:v>-8.6750842146185114E-2</c:v>
                </c:pt>
                <c:pt idx="1906">
                  <c:v>-8.1532275529877518E-2</c:v>
                </c:pt>
                <c:pt idx="1907">
                  <c:v>-8.1532275529877518E-2</c:v>
                </c:pt>
                <c:pt idx="1908">
                  <c:v>-8.936012545433869E-2</c:v>
                </c:pt>
                <c:pt idx="1909">
                  <c:v>-8.1532275529877407E-2</c:v>
                </c:pt>
                <c:pt idx="1910">
                  <c:v>-7.6313708913569922E-2</c:v>
                </c:pt>
                <c:pt idx="1911">
                  <c:v>-6.3267292372801154E-2</c:v>
                </c:pt>
                <c:pt idx="1912">
                  <c:v>-4.5002309215724678E-2</c:v>
                </c:pt>
                <c:pt idx="1913">
                  <c:v>-5.2830159140186073E-2</c:v>
                </c:pt>
                <c:pt idx="1914">
                  <c:v>-5.0220875832032164E-2</c:v>
                </c:pt>
                <c:pt idx="1915">
                  <c:v>-6.587657568095473E-2</c:v>
                </c:pt>
                <c:pt idx="1916">
                  <c:v>-6.8485858989108528E-2</c:v>
                </c:pt>
                <c:pt idx="1917">
                  <c:v>-6.8485858989108528E-2</c:v>
                </c:pt>
                <c:pt idx="1918">
                  <c:v>-4.239302590757088E-2</c:v>
                </c:pt>
                <c:pt idx="1919">
                  <c:v>-5.8630595934181517E-3</c:v>
                </c:pt>
                <c:pt idx="1920">
                  <c:v>-1.8909476134187031E-2</c:v>
                </c:pt>
                <c:pt idx="1921">
                  <c:v>-1.8909476134187031E-2</c:v>
                </c:pt>
                <c:pt idx="1922">
                  <c:v>-1.3690909517879546E-2</c:v>
                </c:pt>
                <c:pt idx="1923">
                  <c:v>-2.1518759442340829E-2</c:v>
                </c:pt>
                <c:pt idx="1924">
                  <c:v>-2.9346609366802001E-2</c:v>
                </c:pt>
                <c:pt idx="1925">
                  <c:v>-3.7174459291263395E-2</c:v>
                </c:pt>
                <c:pt idx="1926">
                  <c:v>-3.9783742599417082E-2</c:v>
                </c:pt>
                <c:pt idx="1927">
                  <c:v>-2.6737326058648425E-2</c:v>
                </c:pt>
                <c:pt idx="1928">
                  <c:v>-2.6737326058648425E-2</c:v>
                </c:pt>
                <c:pt idx="1929">
                  <c:v>-1.6300192826033344E-2</c:v>
                </c:pt>
                <c:pt idx="1930">
                  <c:v>-3.2537762852646868E-3</c:v>
                </c:pt>
                <c:pt idx="1931">
                  <c:v>-6.4449297711088871E-4</c:v>
                </c:pt>
                <c:pt idx="1932">
                  <c:v>5.4150456494117982E-2</c:v>
                </c:pt>
                <c:pt idx="1933">
                  <c:v>4.6322606569656699E-2</c:v>
                </c:pt>
                <c:pt idx="1934">
                  <c:v>9.0680422808270489E-2</c:v>
                </c:pt>
                <c:pt idx="1935">
                  <c:v>6.9806156343040549E-2</c:v>
                </c:pt>
                <c:pt idx="1936">
                  <c:v>0.11416397258165456</c:v>
                </c:pt>
                <c:pt idx="1937">
                  <c:v>0.19766103844257499</c:v>
                </c:pt>
                <c:pt idx="1938">
                  <c:v>0.20809817167519018</c:v>
                </c:pt>
                <c:pt idx="1939">
                  <c:v>9.5898989424578529E-2</c:v>
                </c:pt>
                <c:pt idx="1940">
                  <c:v>0.12199182250611607</c:v>
                </c:pt>
                <c:pt idx="1941">
                  <c:v>9.5898989424578529E-2</c:v>
                </c:pt>
                <c:pt idx="1942">
                  <c:v>9.8508272732732216E-2</c:v>
                </c:pt>
                <c:pt idx="1943">
                  <c:v>7.7634006267502054E-2</c:v>
                </c:pt>
                <c:pt idx="1944">
                  <c:v>0.10894540596534719</c:v>
                </c:pt>
                <c:pt idx="1945">
                  <c:v>0.16634963874472986</c:v>
                </c:pt>
                <c:pt idx="1946">
                  <c:v>0.13503823904688472</c:v>
                </c:pt>
                <c:pt idx="1947">
                  <c:v>0.15069393889580729</c:v>
                </c:pt>
                <c:pt idx="1948">
                  <c:v>0.2289724381404199</c:v>
                </c:pt>
                <c:pt idx="1949">
                  <c:v>0.16895892205288354</c:v>
                </c:pt>
                <c:pt idx="1950">
                  <c:v>0.12981967243057713</c:v>
                </c:pt>
                <c:pt idx="1951">
                  <c:v>0.16374035543657595</c:v>
                </c:pt>
                <c:pt idx="1952">
                  <c:v>0.20548888836703627</c:v>
                </c:pt>
                <c:pt idx="1953">
                  <c:v>0.20287960505888258</c:v>
                </c:pt>
                <c:pt idx="1954">
                  <c:v>0.2289724381404199</c:v>
                </c:pt>
                <c:pt idx="1955">
                  <c:v>0.27072097107088</c:v>
                </c:pt>
                <c:pt idx="1956">
                  <c:v>0.32029735392580139</c:v>
                </c:pt>
                <c:pt idx="1957">
                  <c:v>0.33073448715841636</c:v>
                </c:pt>
                <c:pt idx="1958">
                  <c:v>0.31507878730949379</c:v>
                </c:pt>
                <c:pt idx="1959">
                  <c:v>0.26028383783826503</c:v>
                </c:pt>
                <c:pt idx="1960">
                  <c:v>0.27333025437903369</c:v>
                </c:pt>
                <c:pt idx="1961">
                  <c:v>0.25767455453011112</c:v>
                </c:pt>
                <c:pt idx="1962">
                  <c:v>0.25767455453011112</c:v>
                </c:pt>
                <c:pt idx="1963">
                  <c:v>0.27593953768718738</c:v>
                </c:pt>
                <c:pt idx="1964">
                  <c:v>0.32812520385026267</c:v>
                </c:pt>
                <c:pt idx="1965">
                  <c:v>0.34378090369918524</c:v>
                </c:pt>
                <c:pt idx="1966">
                  <c:v>0.21070745498334342</c:v>
                </c:pt>
                <c:pt idx="1967">
                  <c:v>0.21070745498334342</c:v>
                </c:pt>
                <c:pt idx="1968">
                  <c:v>0.28376738761164866</c:v>
                </c:pt>
                <c:pt idx="1969">
                  <c:v>0.27333025437903347</c:v>
                </c:pt>
                <c:pt idx="1970">
                  <c:v>0.29942308746057122</c:v>
                </c:pt>
                <c:pt idx="1971">
                  <c:v>0.28637667091980235</c:v>
                </c:pt>
                <c:pt idx="1972">
                  <c:v>0.24723742129749615</c:v>
                </c:pt>
                <c:pt idx="1973">
                  <c:v>0.2237538715241123</c:v>
                </c:pt>
                <c:pt idx="1974">
                  <c:v>0.18983318851811326</c:v>
                </c:pt>
                <c:pt idx="1975">
                  <c:v>0.18461462190180589</c:v>
                </c:pt>
                <c:pt idx="1976">
                  <c:v>0.15069393889580707</c:v>
                </c:pt>
                <c:pt idx="1977">
                  <c:v>0.17417748866919092</c:v>
                </c:pt>
                <c:pt idx="1978">
                  <c:v>0.15069393889580707</c:v>
                </c:pt>
                <c:pt idx="1979">
                  <c:v>0.14808465558765338</c:v>
                </c:pt>
                <c:pt idx="1980">
                  <c:v>0.12199182250611562</c:v>
                </c:pt>
                <c:pt idx="1981">
                  <c:v>0.12199182250611562</c:v>
                </c:pt>
                <c:pt idx="1982">
                  <c:v>0.13764752235503819</c:v>
                </c:pt>
                <c:pt idx="1983">
                  <c:v>0.1298196724305769</c:v>
                </c:pt>
                <c:pt idx="1984">
                  <c:v>0.13242895573873059</c:v>
                </c:pt>
                <c:pt idx="1985">
                  <c:v>0.15852178882026835</c:v>
                </c:pt>
                <c:pt idx="1986">
                  <c:v>0.15330322220396075</c:v>
                </c:pt>
                <c:pt idx="1987">
                  <c:v>0.17156820536103723</c:v>
                </c:pt>
                <c:pt idx="1988">
                  <c:v>0.17156820536103723</c:v>
                </c:pt>
                <c:pt idx="1989">
                  <c:v>0.19766103844257454</c:v>
                </c:pt>
                <c:pt idx="1990">
                  <c:v>0.19505175513442086</c:v>
                </c:pt>
                <c:pt idx="1991">
                  <c:v>0.19244247182626717</c:v>
                </c:pt>
                <c:pt idx="1992">
                  <c:v>0.14808465558765338</c:v>
                </c:pt>
                <c:pt idx="1993">
                  <c:v>0.14286608897134578</c:v>
                </c:pt>
                <c:pt idx="1994">
                  <c:v>0.12460110581426953</c:v>
                </c:pt>
                <c:pt idx="1995">
                  <c:v>0.13242895573873081</c:v>
                </c:pt>
                <c:pt idx="1996">
                  <c:v>0.17939605528549829</c:v>
                </c:pt>
                <c:pt idx="1997">
                  <c:v>0.15330322220396075</c:v>
                </c:pt>
                <c:pt idx="1998">
                  <c:v>0.16374035543657572</c:v>
                </c:pt>
                <c:pt idx="1999">
                  <c:v>0.19244247182626717</c:v>
                </c:pt>
                <c:pt idx="2000">
                  <c:v>0.19244247182626717</c:v>
                </c:pt>
                <c:pt idx="2001">
                  <c:v>0.20027032175072823</c:v>
                </c:pt>
                <c:pt idx="2002">
                  <c:v>0.20809817167518951</c:v>
                </c:pt>
                <c:pt idx="2003">
                  <c:v>0.23419100475672727</c:v>
                </c:pt>
                <c:pt idx="2004">
                  <c:v>0.2237538715241123</c:v>
                </c:pt>
                <c:pt idx="2005">
                  <c:v>0.23158172144857336</c:v>
                </c:pt>
                <c:pt idx="2006">
                  <c:v>0.24723742129749615</c:v>
                </c:pt>
                <c:pt idx="2007">
                  <c:v>0.25245598791380353</c:v>
                </c:pt>
                <c:pt idx="2008">
                  <c:v>0.2237538715241123</c:v>
                </c:pt>
                <c:pt idx="2009">
                  <c:v>0.23158172144857336</c:v>
                </c:pt>
                <c:pt idx="2010">
                  <c:v>0.22897243814041968</c:v>
                </c:pt>
                <c:pt idx="2011">
                  <c:v>0.28376738761164866</c:v>
                </c:pt>
                <c:pt idx="2012">
                  <c:v>0.26811168776272631</c:v>
                </c:pt>
                <c:pt idx="2013">
                  <c:v>0.27593953768718738</c:v>
                </c:pt>
                <c:pt idx="2014">
                  <c:v>0.2655024044545724</c:v>
                </c:pt>
                <c:pt idx="2015">
                  <c:v>0.27072097107088</c:v>
                </c:pt>
                <c:pt idx="2016">
                  <c:v>0.30464165407687882</c:v>
                </c:pt>
                <c:pt idx="2017">
                  <c:v>0.31507878730949379</c:v>
                </c:pt>
                <c:pt idx="2018">
                  <c:v>0.3124695040013401</c:v>
                </c:pt>
                <c:pt idx="2019">
                  <c:v>0.33073448715841613</c:v>
                </c:pt>
                <c:pt idx="2020">
                  <c:v>0.3881387199377988</c:v>
                </c:pt>
                <c:pt idx="2021">
                  <c:v>0.37248302008887624</c:v>
                </c:pt>
                <c:pt idx="2022">
                  <c:v>0.41684083632749003</c:v>
                </c:pt>
                <c:pt idx="2023">
                  <c:v>0.46641721918241141</c:v>
                </c:pt>
                <c:pt idx="2024">
                  <c:v>0.47163578579871879</c:v>
                </c:pt>
                <c:pt idx="2025">
                  <c:v>0.41423155301933612</c:v>
                </c:pt>
                <c:pt idx="2026">
                  <c:v>0.41945011963564394</c:v>
                </c:pt>
                <c:pt idx="2027">
                  <c:v>0.44032438610087388</c:v>
                </c:pt>
                <c:pt idx="2028">
                  <c:v>0.42988725286825913</c:v>
                </c:pt>
                <c:pt idx="2029">
                  <c:v>0.39074800324595271</c:v>
                </c:pt>
                <c:pt idx="2030">
                  <c:v>0.4351058194845665</c:v>
                </c:pt>
                <c:pt idx="2031">
                  <c:v>0.47163578579871901</c:v>
                </c:pt>
                <c:pt idx="2032">
                  <c:v>0.44293366940902779</c:v>
                </c:pt>
                <c:pt idx="2033">
                  <c:v>0.41162226971118265</c:v>
                </c:pt>
                <c:pt idx="2034">
                  <c:v>0.40640370309487506</c:v>
                </c:pt>
                <c:pt idx="2035">
                  <c:v>0.34117162039103111</c:v>
                </c:pt>
                <c:pt idx="2036">
                  <c:v>0.33856233708287742</c:v>
                </c:pt>
                <c:pt idx="2037">
                  <c:v>0.32551592054210876</c:v>
                </c:pt>
                <c:pt idx="2038">
                  <c:v>0.34378090369918501</c:v>
                </c:pt>
                <c:pt idx="2039">
                  <c:v>0.35682732023995389</c:v>
                </c:pt>
                <c:pt idx="2040">
                  <c:v>0.35421803693180021</c:v>
                </c:pt>
                <c:pt idx="2041">
                  <c:v>0.34639018700733892</c:v>
                </c:pt>
                <c:pt idx="2042">
                  <c:v>0.33856233708287764</c:v>
                </c:pt>
                <c:pt idx="2043">
                  <c:v>0.32551592054210898</c:v>
                </c:pt>
                <c:pt idx="2044">
                  <c:v>0.30464165407687904</c:v>
                </c:pt>
                <c:pt idx="2045">
                  <c:v>0.34117162039103177</c:v>
                </c:pt>
                <c:pt idx="2046">
                  <c:v>0.3437809036991859</c:v>
                </c:pt>
                <c:pt idx="2047">
                  <c:v>0.35682732023995478</c:v>
                </c:pt>
                <c:pt idx="2048">
                  <c:v>0.3907480032459536</c:v>
                </c:pt>
                <c:pt idx="2049">
                  <c:v>0.41945011963564505</c:v>
                </c:pt>
                <c:pt idx="2050">
                  <c:v>0.41945011963564505</c:v>
                </c:pt>
                <c:pt idx="2051">
                  <c:v>0.40118513647856857</c:v>
                </c:pt>
                <c:pt idx="2052">
                  <c:v>0.33073448715841702</c:v>
                </c:pt>
                <c:pt idx="2053">
                  <c:v>0.32290663723395596</c:v>
                </c:pt>
                <c:pt idx="2054">
                  <c:v>0.36465517016441606</c:v>
                </c:pt>
                <c:pt idx="2055">
                  <c:v>0.35682732023995478</c:v>
                </c:pt>
                <c:pt idx="2056">
                  <c:v>0.35682732023995478</c:v>
                </c:pt>
                <c:pt idx="2057">
                  <c:v>0.39335728655410729</c:v>
                </c:pt>
                <c:pt idx="2058">
                  <c:v>0.38813871993779991</c:v>
                </c:pt>
                <c:pt idx="2059">
                  <c:v>0.46902650249056621</c:v>
                </c:pt>
                <c:pt idx="2060">
                  <c:v>0.44032438610087477</c:v>
                </c:pt>
                <c:pt idx="2061">
                  <c:v>0.41684083632749092</c:v>
                </c:pt>
                <c:pt idx="2062">
                  <c:v>0.41423155301933723</c:v>
                </c:pt>
                <c:pt idx="2063">
                  <c:v>0.41945011963564505</c:v>
                </c:pt>
                <c:pt idx="2064">
                  <c:v>0.38813871993779991</c:v>
                </c:pt>
                <c:pt idx="2065">
                  <c:v>0.36465517016441606</c:v>
                </c:pt>
                <c:pt idx="2066">
                  <c:v>0.38031087001333841</c:v>
                </c:pt>
                <c:pt idx="2067">
                  <c:v>0.33334377046657071</c:v>
                </c:pt>
                <c:pt idx="2068">
                  <c:v>0.29681380415241798</c:v>
                </c:pt>
                <c:pt idx="2069">
                  <c:v>0.35160875362364674</c:v>
                </c:pt>
                <c:pt idx="2070">
                  <c:v>0.36204588685626171</c:v>
                </c:pt>
                <c:pt idx="2071">
                  <c:v>0.34378090369918546</c:v>
                </c:pt>
                <c:pt idx="2072">
                  <c:v>0.29942308746057167</c:v>
                </c:pt>
                <c:pt idx="2073">
                  <c:v>0.32290663723395552</c:v>
                </c:pt>
                <c:pt idx="2074">
                  <c:v>0.3777015867051845</c:v>
                </c:pt>
                <c:pt idx="2075">
                  <c:v>0.34117162039103177</c:v>
                </c:pt>
                <c:pt idx="2076">
                  <c:v>0.41945011963564482</c:v>
                </c:pt>
                <c:pt idx="2077">
                  <c:v>0.38552943662964578</c:v>
                </c:pt>
                <c:pt idx="2078">
                  <c:v>0.51077503542102631</c:v>
                </c:pt>
                <c:pt idx="2079">
                  <c:v>0.49772861888025766</c:v>
                </c:pt>
                <c:pt idx="2080">
                  <c:v>0.42727796956010611</c:v>
                </c:pt>
                <c:pt idx="2081">
                  <c:v>0.45598008594979755</c:v>
                </c:pt>
                <c:pt idx="2082">
                  <c:v>0.44554295271718258</c:v>
                </c:pt>
                <c:pt idx="2083">
                  <c:v>0.37509230339703081</c:v>
                </c:pt>
                <c:pt idx="2084">
                  <c:v>0.3437809036991859</c:v>
                </c:pt>
                <c:pt idx="2085">
                  <c:v>0.37509230339703103</c:v>
                </c:pt>
                <c:pt idx="2086">
                  <c:v>0.36204588685626238</c:v>
                </c:pt>
                <c:pt idx="2087">
                  <c:v>0.35943660354810869</c:v>
                </c:pt>
                <c:pt idx="2088">
                  <c:v>0.34899947031549372</c:v>
                </c:pt>
                <c:pt idx="2089">
                  <c:v>0.34378090369918635</c:v>
                </c:pt>
                <c:pt idx="2090">
                  <c:v>0.33595305377472506</c:v>
                </c:pt>
                <c:pt idx="2091">
                  <c:v>0.34378090369918635</c:v>
                </c:pt>
                <c:pt idx="2092">
                  <c:v>0.33073448715841747</c:v>
                </c:pt>
                <c:pt idx="2093">
                  <c:v>0.26028383783826614</c:v>
                </c:pt>
                <c:pt idx="2094">
                  <c:v>0.25767455453011245</c:v>
                </c:pt>
                <c:pt idx="2095">
                  <c:v>0.26811168776272742</c:v>
                </c:pt>
                <c:pt idx="2096">
                  <c:v>0.24984670460565095</c:v>
                </c:pt>
                <c:pt idx="2097">
                  <c:v>0.26028383783826592</c:v>
                </c:pt>
                <c:pt idx="2098">
                  <c:v>0.26811168776272742</c:v>
                </c:pt>
                <c:pt idx="2099">
                  <c:v>0.27072097107088111</c:v>
                </c:pt>
                <c:pt idx="2100">
                  <c:v>0.25767455453011223</c:v>
                </c:pt>
                <c:pt idx="2101">
                  <c:v>0.25506527122195832</c:v>
                </c:pt>
                <c:pt idx="2102">
                  <c:v>0.26289312114641961</c:v>
                </c:pt>
                <c:pt idx="2103">
                  <c:v>0.28376738761164955</c:v>
                </c:pt>
                <c:pt idx="2104">
                  <c:v>0.27072097107088089</c:v>
                </c:pt>
                <c:pt idx="2105">
                  <c:v>0.25245598791380441</c:v>
                </c:pt>
                <c:pt idx="2106">
                  <c:v>0.24984670460565073</c:v>
                </c:pt>
                <c:pt idx="2107">
                  <c:v>0.24462813798934313</c:v>
                </c:pt>
                <c:pt idx="2108">
                  <c:v>0.22897243814042079</c:v>
                </c:pt>
                <c:pt idx="2109">
                  <c:v>0.20809817167519062</c:v>
                </c:pt>
                <c:pt idx="2110">
                  <c:v>0.19244247182626806</c:v>
                </c:pt>
                <c:pt idx="2111">
                  <c:v>0.18722390520996046</c:v>
                </c:pt>
                <c:pt idx="2112">
                  <c:v>0.18461462190180677</c:v>
                </c:pt>
                <c:pt idx="2113">
                  <c:v>6.9806156343041215E-2</c:v>
                </c:pt>
                <c:pt idx="2114">
                  <c:v>1.5011206871812455E-2</c:v>
                </c:pt>
                <c:pt idx="2115">
                  <c:v>5.6759739802272557E-2</c:v>
                </c:pt>
                <c:pt idx="2116">
                  <c:v>0.10633612265719394</c:v>
                </c:pt>
                <c:pt idx="2117">
                  <c:v>0.10372683934904026</c:v>
                </c:pt>
                <c:pt idx="2118">
                  <c:v>9.3289706116425286E-2</c:v>
                </c:pt>
                <c:pt idx="2119">
                  <c:v>0.17417748866919158</c:v>
                </c:pt>
                <c:pt idx="2120">
                  <c:v>0.29159523753611083</c:v>
                </c:pt>
                <c:pt idx="2121">
                  <c:v>0.17939605528549896</c:v>
                </c:pt>
                <c:pt idx="2122">
                  <c:v>0.17417748866919158</c:v>
                </c:pt>
                <c:pt idx="2123">
                  <c:v>0.17417748866919158</c:v>
                </c:pt>
                <c:pt idx="2124">
                  <c:v>0.1663496387447303</c:v>
                </c:pt>
                <c:pt idx="2125">
                  <c:v>0.15591250551211533</c:v>
                </c:pt>
                <c:pt idx="2126">
                  <c:v>0.17939605528549918</c:v>
                </c:pt>
                <c:pt idx="2127">
                  <c:v>0.18461462190180677</c:v>
                </c:pt>
                <c:pt idx="2128">
                  <c:v>0.18200533859365309</c:v>
                </c:pt>
                <c:pt idx="2129">
                  <c:v>0.17939605528549918</c:v>
                </c:pt>
                <c:pt idx="2130">
                  <c:v>0.16113107212842293</c:v>
                </c:pt>
                <c:pt idx="2131">
                  <c:v>0.15330322220396164</c:v>
                </c:pt>
                <c:pt idx="2132">
                  <c:v>0.15852178882026946</c:v>
                </c:pt>
                <c:pt idx="2133">
                  <c:v>0.14025680566319298</c:v>
                </c:pt>
                <c:pt idx="2134">
                  <c:v>0.14025680566319298</c:v>
                </c:pt>
                <c:pt idx="2135">
                  <c:v>0.16113107212842293</c:v>
                </c:pt>
                <c:pt idx="2136">
                  <c:v>0.14286608897134645</c:v>
                </c:pt>
                <c:pt idx="2137">
                  <c:v>0.12721038912242388</c:v>
                </c:pt>
                <c:pt idx="2138">
                  <c:v>0.12721038912242388</c:v>
                </c:pt>
                <c:pt idx="2139">
                  <c:v>0.14286608897134645</c:v>
                </c:pt>
                <c:pt idx="2140">
                  <c:v>0.15852178882026902</c:v>
                </c:pt>
                <c:pt idx="2141">
                  <c:v>0.17678677197734527</c:v>
                </c:pt>
                <c:pt idx="2142">
                  <c:v>0.16113107212842293</c:v>
                </c:pt>
                <c:pt idx="2143">
                  <c:v>0.15591250551211533</c:v>
                </c:pt>
                <c:pt idx="2144">
                  <c:v>0.1715682053610379</c:v>
                </c:pt>
                <c:pt idx="2145">
                  <c:v>0.17417748866919158</c:v>
                </c:pt>
                <c:pt idx="2146">
                  <c:v>0.1715682053610379</c:v>
                </c:pt>
                <c:pt idx="2147">
                  <c:v>0.17417748866919158</c:v>
                </c:pt>
                <c:pt idx="2148">
                  <c:v>0.24462813798934291</c:v>
                </c:pt>
                <c:pt idx="2149">
                  <c:v>0.213316738291498</c:v>
                </c:pt>
                <c:pt idx="2150">
                  <c:v>0.20287960505888281</c:v>
                </c:pt>
                <c:pt idx="2151">
                  <c:v>0.20548888836703649</c:v>
                </c:pt>
                <c:pt idx="2152">
                  <c:v>0.20809817167519018</c:v>
                </c:pt>
                <c:pt idx="2153">
                  <c:v>0.20287960505888281</c:v>
                </c:pt>
                <c:pt idx="2154">
                  <c:v>0.1950517551344213</c:v>
                </c:pt>
                <c:pt idx="2155">
                  <c:v>0.19244247182626761</c:v>
                </c:pt>
                <c:pt idx="2156">
                  <c:v>0.17939605528549851</c:v>
                </c:pt>
                <c:pt idx="2157">
                  <c:v>0.16113107212842248</c:v>
                </c:pt>
                <c:pt idx="2158">
                  <c:v>0.1898331885181137</c:v>
                </c:pt>
                <c:pt idx="2159">
                  <c:v>0.21070745498334387</c:v>
                </c:pt>
                <c:pt idx="2160">
                  <c:v>0.21331673829149778</c:v>
                </c:pt>
                <c:pt idx="2161">
                  <c:v>0.25245598791380419</c:v>
                </c:pt>
                <c:pt idx="2162">
                  <c:v>0.23419100475672816</c:v>
                </c:pt>
                <c:pt idx="2163">
                  <c:v>0.22636315483226688</c:v>
                </c:pt>
                <c:pt idx="2164">
                  <c:v>0.21331673829149822</c:v>
                </c:pt>
                <c:pt idx="2165">
                  <c:v>0.20027032175072934</c:v>
                </c:pt>
                <c:pt idx="2166">
                  <c:v>0.21331673829149822</c:v>
                </c:pt>
                <c:pt idx="2167">
                  <c:v>0.21853530490780559</c:v>
                </c:pt>
                <c:pt idx="2168">
                  <c:v>0.22114458821595928</c:v>
                </c:pt>
                <c:pt idx="2169">
                  <c:v>0.22114458821595928</c:v>
                </c:pt>
                <c:pt idx="2170">
                  <c:v>0.21592602159965191</c:v>
                </c:pt>
                <c:pt idx="2171">
                  <c:v>0.21331673829149822</c:v>
                </c:pt>
                <c:pt idx="2172">
                  <c:v>0.21070745498334431</c:v>
                </c:pt>
                <c:pt idx="2173">
                  <c:v>0.21592602159965191</c:v>
                </c:pt>
                <c:pt idx="2174">
                  <c:v>0.22114458821595928</c:v>
                </c:pt>
                <c:pt idx="2175">
                  <c:v>0.19505175513442174</c:v>
                </c:pt>
                <c:pt idx="2176">
                  <c:v>0.20548888836703672</c:v>
                </c:pt>
                <c:pt idx="2177">
                  <c:v>0.18722390520996024</c:v>
                </c:pt>
                <c:pt idx="2178">
                  <c:v>0.23158172144857425</c:v>
                </c:pt>
                <c:pt idx="2179">
                  <c:v>0.26811168776272698</c:v>
                </c:pt>
                <c:pt idx="2180">
                  <c:v>0.22375387152411297</c:v>
                </c:pt>
                <c:pt idx="2181">
                  <c:v>0.21592602159965169</c:v>
                </c:pt>
                <c:pt idx="2182">
                  <c:v>0.20548888836703649</c:v>
                </c:pt>
                <c:pt idx="2183">
                  <c:v>0.21592602159965146</c:v>
                </c:pt>
                <c:pt idx="2184">
                  <c:v>0.20287960505888258</c:v>
                </c:pt>
                <c:pt idx="2185">
                  <c:v>0.19766103844257499</c:v>
                </c:pt>
                <c:pt idx="2186">
                  <c:v>0.21331673829149778</c:v>
                </c:pt>
                <c:pt idx="2187">
                  <c:v>0.2002703217507289</c:v>
                </c:pt>
                <c:pt idx="2188">
                  <c:v>0.19766103844257521</c:v>
                </c:pt>
                <c:pt idx="2189">
                  <c:v>0.20548888836703649</c:v>
                </c:pt>
                <c:pt idx="2190">
                  <c:v>0.20548888836703649</c:v>
                </c:pt>
                <c:pt idx="2191">
                  <c:v>0.22375387152411275</c:v>
                </c:pt>
                <c:pt idx="2192">
                  <c:v>0.21853530490780515</c:v>
                </c:pt>
                <c:pt idx="2193">
                  <c:v>0.21853530490780515</c:v>
                </c:pt>
                <c:pt idx="2194">
                  <c:v>0.21331673829149778</c:v>
                </c:pt>
                <c:pt idx="2195">
                  <c:v>0.21331673829149778</c:v>
                </c:pt>
                <c:pt idx="2196">
                  <c:v>0.19766103844257499</c:v>
                </c:pt>
                <c:pt idx="2197">
                  <c:v>0.20287960505888258</c:v>
                </c:pt>
                <c:pt idx="2198">
                  <c:v>0.20287960505888258</c:v>
                </c:pt>
                <c:pt idx="2199">
                  <c:v>0.19505175513442108</c:v>
                </c:pt>
                <c:pt idx="2200">
                  <c:v>0.16113107212842226</c:v>
                </c:pt>
                <c:pt idx="2201">
                  <c:v>0.16634963874472963</c:v>
                </c:pt>
                <c:pt idx="2202">
                  <c:v>0.1767867719773446</c:v>
                </c:pt>
                <c:pt idx="2203">
                  <c:v>0.15591250551211466</c:v>
                </c:pt>
                <c:pt idx="2204">
                  <c:v>0.16374035543657617</c:v>
                </c:pt>
                <c:pt idx="2205">
                  <c:v>0.12721038912242366</c:v>
                </c:pt>
                <c:pt idx="2206">
                  <c:v>0.12721038912242366</c:v>
                </c:pt>
                <c:pt idx="2207">
                  <c:v>0.12199182250611607</c:v>
                </c:pt>
                <c:pt idx="2208">
                  <c:v>0.12460110581426997</c:v>
                </c:pt>
                <c:pt idx="2209">
                  <c:v>0.10372683934904026</c:v>
                </c:pt>
                <c:pt idx="2210">
                  <c:v>9.3289706116425286E-2</c:v>
                </c:pt>
                <c:pt idx="2211">
                  <c:v>0.10894540596534763</c:v>
                </c:pt>
                <c:pt idx="2212">
                  <c:v>0.10111755604088635</c:v>
                </c:pt>
                <c:pt idx="2213">
                  <c:v>9.0680422808271377E-2</c:v>
                </c:pt>
                <c:pt idx="2214">
                  <c:v>0.10111755604088657</c:v>
                </c:pt>
                <c:pt idx="2215">
                  <c:v>0.10372683934904048</c:v>
                </c:pt>
                <c:pt idx="2216">
                  <c:v>6.4587589726734063E-2</c:v>
                </c:pt>
                <c:pt idx="2217">
                  <c:v>7.2415439651195346E-2</c:v>
                </c:pt>
                <c:pt idx="2218">
                  <c:v>5.6759739802272779E-2</c:v>
                </c:pt>
                <c:pt idx="2219">
                  <c:v>6.9806156343041659E-2</c:v>
                </c:pt>
                <c:pt idx="2220">
                  <c:v>5.1541173185965405E-2</c:v>
                </c:pt>
                <c:pt idx="2221">
                  <c:v>5.6759739802272779E-2</c:v>
                </c:pt>
                <c:pt idx="2222">
                  <c:v>4.6322606569657809E-2</c:v>
                </c:pt>
                <c:pt idx="2223">
                  <c:v>4.8931889877811496E-2</c:v>
                </c:pt>
                <c:pt idx="2224">
                  <c:v>4.6322606569657809E-2</c:v>
                </c:pt>
                <c:pt idx="2225">
                  <c:v>3.5885473337042839E-2</c:v>
                </c:pt>
                <c:pt idx="2226">
                  <c:v>5.9369023110426467E-2</c:v>
                </c:pt>
                <c:pt idx="2227">
                  <c:v>5.6759739802272779E-2</c:v>
                </c:pt>
                <c:pt idx="2228">
                  <c:v>5.9369023110426467E-2</c:v>
                </c:pt>
                <c:pt idx="2229">
                  <c:v>4.8931889877811496E-2</c:v>
                </c:pt>
                <c:pt idx="2230">
                  <c:v>6.4587589726734063E-2</c:v>
                </c:pt>
                <c:pt idx="2231">
                  <c:v>5.6759739802272779E-2</c:v>
                </c:pt>
                <c:pt idx="2232">
                  <c:v>5.6759739802272779E-2</c:v>
                </c:pt>
                <c:pt idx="2233">
                  <c:v>4.6322606569657809E-2</c:v>
                </c:pt>
                <c:pt idx="2234">
                  <c:v>4.8931889877811496E-2</c:v>
                </c:pt>
                <c:pt idx="2235">
                  <c:v>5.1541173185965627E-2</c:v>
                </c:pt>
                <c:pt idx="2236">
                  <c:v>5.1541173185965627E-2</c:v>
                </c:pt>
                <c:pt idx="2237">
                  <c:v>7.2415439651195568E-2</c:v>
                </c:pt>
                <c:pt idx="2238">
                  <c:v>7.7634006267503164E-2</c:v>
                </c:pt>
                <c:pt idx="2239">
                  <c:v>0.12460110581427086</c:v>
                </c:pt>
                <c:pt idx="2240">
                  <c:v>0.11938253919796349</c:v>
                </c:pt>
                <c:pt idx="2241">
                  <c:v>0.12981967243057846</c:v>
                </c:pt>
                <c:pt idx="2242">
                  <c:v>0.1506939388958084</c:v>
                </c:pt>
                <c:pt idx="2243">
                  <c:v>0.12721038912242455</c:v>
                </c:pt>
                <c:pt idx="2244">
                  <c:v>0.13242895573873192</c:v>
                </c:pt>
                <c:pt idx="2245">
                  <c:v>0.12199182250611695</c:v>
                </c:pt>
                <c:pt idx="2246">
                  <c:v>0.11155468927350198</c:v>
                </c:pt>
                <c:pt idx="2247">
                  <c:v>0.12721038912242477</c:v>
                </c:pt>
                <c:pt idx="2248">
                  <c:v>0.11938253919796349</c:v>
                </c:pt>
                <c:pt idx="2249">
                  <c:v>0.12199182250611718</c:v>
                </c:pt>
                <c:pt idx="2250">
                  <c:v>0.12460110581427108</c:v>
                </c:pt>
                <c:pt idx="2251">
                  <c:v>0.11938253919796371</c:v>
                </c:pt>
                <c:pt idx="2252">
                  <c:v>0.1219918225061174</c:v>
                </c:pt>
                <c:pt idx="2253">
                  <c:v>0.11155468927350243</c:v>
                </c:pt>
                <c:pt idx="2254">
                  <c:v>0.11677325588981002</c:v>
                </c:pt>
                <c:pt idx="2255">
                  <c:v>0.1219918225061174</c:v>
                </c:pt>
                <c:pt idx="2256">
                  <c:v>0.10894540596534874</c:v>
                </c:pt>
                <c:pt idx="2257">
                  <c:v>0.12721038912242522</c:v>
                </c:pt>
                <c:pt idx="2258">
                  <c:v>0.11938253919796393</c:v>
                </c:pt>
                <c:pt idx="2259">
                  <c:v>0.12199182250611784</c:v>
                </c:pt>
                <c:pt idx="2260">
                  <c:v>0.12721038912242544</c:v>
                </c:pt>
                <c:pt idx="2261">
                  <c:v>0.11938253919796415</c:v>
                </c:pt>
                <c:pt idx="2262">
                  <c:v>0.11155468927350265</c:v>
                </c:pt>
                <c:pt idx="2263">
                  <c:v>0.11155468927350265</c:v>
                </c:pt>
                <c:pt idx="2264">
                  <c:v>0.11938253919796393</c:v>
                </c:pt>
                <c:pt idx="2265">
                  <c:v>0.11677325588981025</c:v>
                </c:pt>
                <c:pt idx="2266">
                  <c:v>0.12721038912242544</c:v>
                </c:pt>
                <c:pt idx="2267">
                  <c:v>0.12460110581427153</c:v>
                </c:pt>
                <c:pt idx="2268">
                  <c:v>0.12199182250611784</c:v>
                </c:pt>
                <c:pt idx="2269">
                  <c:v>0.11938253919796415</c:v>
                </c:pt>
                <c:pt idx="2270">
                  <c:v>0.11938253919796415</c:v>
                </c:pt>
                <c:pt idx="2271">
                  <c:v>0.11938253919796415</c:v>
                </c:pt>
                <c:pt idx="2272">
                  <c:v>0.12199182250611806</c:v>
                </c:pt>
                <c:pt idx="2273">
                  <c:v>0.11677325588981069</c:v>
                </c:pt>
                <c:pt idx="2274">
                  <c:v>0.11416397258165678</c:v>
                </c:pt>
                <c:pt idx="2275">
                  <c:v>0.11677325588981069</c:v>
                </c:pt>
                <c:pt idx="2276">
                  <c:v>0.11677325588981069</c:v>
                </c:pt>
                <c:pt idx="2277">
                  <c:v>0.11677325588981069</c:v>
                </c:pt>
                <c:pt idx="2278">
                  <c:v>0.11155468927350309</c:v>
                </c:pt>
                <c:pt idx="2279">
                  <c:v>0.11677325588981069</c:v>
                </c:pt>
                <c:pt idx="2280">
                  <c:v>0.11416397258165678</c:v>
                </c:pt>
                <c:pt idx="2281">
                  <c:v>0.11677325588981069</c:v>
                </c:pt>
                <c:pt idx="2282">
                  <c:v>0.10633612265719572</c:v>
                </c:pt>
                <c:pt idx="2283">
                  <c:v>8.8071139500119244E-2</c:v>
                </c:pt>
                <c:pt idx="2284">
                  <c:v>8.5461856191965557E-2</c:v>
                </c:pt>
                <c:pt idx="2285">
                  <c:v>9.328970611642684E-2</c:v>
                </c:pt>
                <c:pt idx="2286">
                  <c:v>9.0680422808272931E-2</c:v>
                </c:pt>
                <c:pt idx="2287">
                  <c:v>0.10111755604088812</c:v>
                </c:pt>
                <c:pt idx="2288">
                  <c:v>0.10894540596534941</c:v>
                </c:pt>
                <c:pt idx="2289">
                  <c:v>0.10894540596534941</c:v>
                </c:pt>
                <c:pt idx="2290">
                  <c:v>0.10633612265719572</c:v>
                </c:pt>
                <c:pt idx="2291">
                  <c:v>0.10633612265719572</c:v>
                </c:pt>
                <c:pt idx="2292">
                  <c:v>0.10894540596534941</c:v>
                </c:pt>
                <c:pt idx="2293">
                  <c:v>0.11155468927350309</c:v>
                </c:pt>
                <c:pt idx="2294">
                  <c:v>0.11155468927350309</c:v>
                </c:pt>
                <c:pt idx="2295">
                  <c:v>0.11155468927350309</c:v>
                </c:pt>
                <c:pt idx="2296">
                  <c:v>0.11677325588981069</c:v>
                </c:pt>
                <c:pt idx="2297">
                  <c:v>0.11938253919796438</c:v>
                </c:pt>
                <c:pt idx="2298">
                  <c:v>0.12199182250611829</c:v>
                </c:pt>
                <c:pt idx="2299">
                  <c:v>0.13764752235504085</c:v>
                </c:pt>
                <c:pt idx="2300">
                  <c:v>0.13242895573873326</c:v>
                </c:pt>
                <c:pt idx="2301">
                  <c:v>0.13242895573873326</c:v>
                </c:pt>
                <c:pt idx="2302">
                  <c:v>0.14025680566319454</c:v>
                </c:pt>
                <c:pt idx="2303">
                  <c:v>0.14286608897134823</c:v>
                </c:pt>
                <c:pt idx="2304">
                  <c:v>0.14808465558765604</c:v>
                </c:pt>
                <c:pt idx="2305">
                  <c:v>0.14547537227950214</c:v>
                </c:pt>
                <c:pt idx="2306">
                  <c:v>0.14025680566319476</c:v>
                </c:pt>
                <c:pt idx="2307">
                  <c:v>0.14808465558765604</c:v>
                </c:pt>
                <c:pt idx="2308">
                  <c:v>0.14547537227950214</c:v>
                </c:pt>
                <c:pt idx="2309">
                  <c:v>0.14025680566319476</c:v>
                </c:pt>
                <c:pt idx="2310">
                  <c:v>0.14025680566319476</c:v>
                </c:pt>
                <c:pt idx="2311">
                  <c:v>0.14547537227950236</c:v>
                </c:pt>
                <c:pt idx="2312">
                  <c:v>0.15069393889580995</c:v>
                </c:pt>
                <c:pt idx="2313">
                  <c:v>0.15852178882027124</c:v>
                </c:pt>
                <c:pt idx="2314">
                  <c:v>0.15852178882027124</c:v>
                </c:pt>
                <c:pt idx="2315">
                  <c:v>0.14808465558765627</c:v>
                </c:pt>
                <c:pt idx="2316">
                  <c:v>0.15330322220396364</c:v>
                </c:pt>
                <c:pt idx="2317">
                  <c:v>0.15330322220396364</c:v>
                </c:pt>
                <c:pt idx="2318">
                  <c:v>0.15330322220396364</c:v>
                </c:pt>
                <c:pt idx="2319">
                  <c:v>0.15852178882027146</c:v>
                </c:pt>
                <c:pt idx="2320">
                  <c:v>0.16634963874473252</c:v>
                </c:pt>
                <c:pt idx="2321">
                  <c:v>0.184614621901809</c:v>
                </c:pt>
                <c:pt idx="2322">
                  <c:v>0.18722390520996268</c:v>
                </c:pt>
                <c:pt idx="2323">
                  <c:v>0.18983318851811637</c:v>
                </c:pt>
                <c:pt idx="2324">
                  <c:v>0.19766103844257765</c:v>
                </c:pt>
                <c:pt idx="2325">
                  <c:v>0.11938253919796482</c:v>
                </c:pt>
                <c:pt idx="2326">
                  <c:v>0.11416397258165722</c:v>
                </c:pt>
                <c:pt idx="2327">
                  <c:v>0.1324289557387337</c:v>
                </c:pt>
                <c:pt idx="2328">
                  <c:v>0.13503823904688739</c:v>
                </c:pt>
                <c:pt idx="2329">
                  <c:v>0.1246011058142722</c:v>
                </c:pt>
                <c:pt idx="2330">
                  <c:v>0.1272103891224261</c:v>
                </c:pt>
                <c:pt idx="2331">
                  <c:v>0.13242895573873348</c:v>
                </c:pt>
                <c:pt idx="2332">
                  <c:v>0.12199182250611851</c:v>
                </c:pt>
                <c:pt idx="2333">
                  <c:v>0.11677325588981113</c:v>
                </c:pt>
                <c:pt idx="2334">
                  <c:v>0.11677325588981113</c:v>
                </c:pt>
                <c:pt idx="2335">
                  <c:v>0.11677325588981113</c:v>
                </c:pt>
                <c:pt idx="2336">
                  <c:v>0.11938253919796482</c:v>
                </c:pt>
                <c:pt idx="2337">
                  <c:v>0.1246011058142722</c:v>
                </c:pt>
                <c:pt idx="2338">
                  <c:v>0.1246011058142722</c:v>
                </c:pt>
                <c:pt idx="2339">
                  <c:v>0.11938253919796482</c:v>
                </c:pt>
                <c:pt idx="2340">
                  <c:v>0.12199182250611873</c:v>
                </c:pt>
                <c:pt idx="2341">
                  <c:v>0.12981967243058024</c:v>
                </c:pt>
                <c:pt idx="2342">
                  <c:v>0.13242895573873392</c:v>
                </c:pt>
                <c:pt idx="2343">
                  <c:v>0.12981967243058024</c:v>
                </c:pt>
                <c:pt idx="2344">
                  <c:v>0.12981967243058024</c:v>
                </c:pt>
                <c:pt idx="2345">
                  <c:v>0.12981967243058024</c:v>
                </c:pt>
                <c:pt idx="2346">
                  <c:v>0.13242895573873392</c:v>
                </c:pt>
                <c:pt idx="2347">
                  <c:v>0.14025680566319521</c:v>
                </c:pt>
                <c:pt idx="2348">
                  <c:v>0.14286608897134889</c:v>
                </c:pt>
                <c:pt idx="2349">
                  <c:v>0.15330322220396408</c:v>
                </c:pt>
                <c:pt idx="2350">
                  <c:v>0.17417748866919402</c:v>
                </c:pt>
                <c:pt idx="2351">
                  <c:v>0.19505175513442419</c:v>
                </c:pt>
                <c:pt idx="2352">
                  <c:v>0.15852178882027146</c:v>
                </c:pt>
                <c:pt idx="2353">
                  <c:v>0.15852178882027146</c:v>
                </c:pt>
                <c:pt idx="2354">
                  <c:v>0.15591250551211755</c:v>
                </c:pt>
                <c:pt idx="2355">
                  <c:v>0.15852178882027146</c:v>
                </c:pt>
                <c:pt idx="2356">
                  <c:v>0.16634963874473252</c:v>
                </c:pt>
                <c:pt idx="2357">
                  <c:v>0.17939605528550118</c:v>
                </c:pt>
                <c:pt idx="2358">
                  <c:v>0.17939605528550118</c:v>
                </c:pt>
                <c:pt idx="2359">
                  <c:v>0.17939605528550118</c:v>
                </c:pt>
                <c:pt idx="2360">
                  <c:v>0.1741774886691938</c:v>
                </c:pt>
                <c:pt idx="2361">
                  <c:v>0.17156820536104012</c:v>
                </c:pt>
                <c:pt idx="2362">
                  <c:v>0.17678677197734749</c:v>
                </c:pt>
                <c:pt idx="2363">
                  <c:v>0.18200533859365531</c:v>
                </c:pt>
                <c:pt idx="2364">
                  <c:v>0.1793960552855014</c:v>
                </c:pt>
                <c:pt idx="2365">
                  <c:v>0.18200533859365531</c:v>
                </c:pt>
                <c:pt idx="2366">
                  <c:v>0.18200533859365531</c:v>
                </c:pt>
                <c:pt idx="2367">
                  <c:v>0.16374035543657883</c:v>
                </c:pt>
                <c:pt idx="2368">
                  <c:v>0.16895892205288643</c:v>
                </c:pt>
                <c:pt idx="2369">
                  <c:v>0.17156820536104012</c:v>
                </c:pt>
                <c:pt idx="2370">
                  <c:v>0.16895892205288643</c:v>
                </c:pt>
                <c:pt idx="2371">
                  <c:v>0.16113107212842515</c:v>
                </c:pt>
                <c:pt idx="2372">
                  <c:v>0.15591250551211755</c:v>
                </c:pt>
                <c:pt idx="2373">
                  <c:v>0.14025680566319498</c:v>
                </c:pt>
                <c:pt idx="2374">
                  <c:v>0.14808465558765649</c:v>
                </c:pt>
                <c:pt idx="2375">
                  <c:v>0.14808465558765649</c:v>
                </c:pt>
                <c:pt idx="2376">
                  <c:v>0.15069393889581018</c:v>
                </c:pt>
                <c:pt idx="2377">
                  <c:v>0.15852178882027146</c:v>
                </c:pt>
                <c:pt idx="2378">
                  <c:v>0.15852178882027146</c:v>
                </c:pt>
                <c:pt idx="2379">
                  <c:v>0.15069393889581018</c:v>
                </c:pt>
                <c:pt idx="2380">
                  <c:v>0.15852178882027146</c:v>
                </c:pt>
                <c:pt idx="2381">
                  <c:v>0.15591250551211755</c:v>
                </c:pt>
                <c:pt idx="2382">
                  <c:v>0.15852178882027146</c:v>
                </c:pt>
                <c:pt idx="2383">
                  <c:v>0.15591250551211755</c:v>
                </c:pt>
                <c:pt idx="2384">
                  <c:v>0.16374035543657905</c:v>
                </c:pt>
                <c:pt idx="2385">
                  <c:v>0.16113107212842537</c:v>
                </c:pt>
                <c:pt idx="2386">
                  <c:v>0.15591250551211777</c:v>
                </c:pt>
                <c:pt idx="2387">
                  <c:v>0.15330322220396408</c:v>
                </c:pt>
                <c:pt idx="2388">
                  <c:v>0.15330322220396408</c:v>
                </c:pt>
                <c:pt idx="2389">
                  <c:v>0.14286608897134911</c:v>
                </c:pt>
                <c:pt idx="2390">
                  <c:v>0.1506939388958104</c:v>
                </c:pt>
                <c:pt idx="2391">
                  <c:v>0.1506939388958104</c:v>
                </c:pt>
                <c:pt idx="2392">
                  <c:v>0.1454753722795028</c:v>
                </c:pt>
                <c:pt idx="2393">
                  <c:v>0.1506939388958104</c:v>
                </c:pt>
                <c:pt idx="2394">
                  <c:v>0.15591250551211777</c:v>
                </c:pt>
                <c:pt idx="2395">
                  <c:v>0.16113107212842559</c:v>
                </c:pt>
                <c:pt idx="2396">
                  <c:v>0.15330322220396431</c:v>
                </c:pt>
                <c:pt idx="2397">
                  <c:v>0.15330322220396431</c:v>
                </c:pt>
                <c:pt idx="2398">
                  <c:v>0.15852178882027212</c:v>
                </c:pt>
                <c:pt idx="2399">
                  <c:v>0.15591250551211822</c:v>
                </c:pt>
                <c:pt idx="2400">
                  <c:v>0.15852178882027212</c:v>
                </c:pt>
                <c:pt idx="2401">
                  <c:v>0.15330322220396453</c:v>
                </c:pt>
                <c:pt idx="2402">
                  <c:v>0.15330322220396453</c:v>
                </c:pt>
                <c:pt idx="2403">
                  <c:v>0.15069393889581084</c:v>
                </c:pt>
                <c:pt idx="2404">
                  <c:v>0.15069393889581084</c:v>
                </c:pt>
                <c:pt idx="2405">
                  <c:v>0.15852178882027212</c:v>
                </c:pt>
                <c:pt idx="2406">
                  <c:v>0.14808465558765693</c:v>
                </c:pt>
                <c:pt idx="2407">
                  <c:v>0.15591250551211799</c:v>
                </c:pt>
                <c:pt idx="2408">
                  <c:v>0.15069393889581062</c:v>
                </c:pt>
                <c:pt idx="2409">
                  <c:v>0.14808465558765693</c:v>
                </c:pt>
                <c:pt idx="2410">
                  <c:v>0.14808465558765693</c:v>
                </c:pt>
                <c:pt idx="2411">
                  <c:v>0.14808465558765693</c:v>
                </c:pt>
                <c:pt idx="2412">
                  <c:v>0.14547537227950302</c:v>
                </c:pt>
                <c:pt idx="2413">
                  <c:v>0.14547537227950302</c:v>
                </c:pt>
                <c:pt idx="2414">
                  <c:v>0.1533032222039645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C8F1-4233-BB98-A97C53884F2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60764912"/>
        <c:axId val="457623776"/>
      </c:scatterChart>
      <c:valAx>
        <c:axId val="460764912"/>
        <c:scaling>
          <c:orientation val="minMax"/>
          <c:max val="42700"/>
          <c:min val="389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m/d/yyyy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57623776"/>
        <c:crosses val="autoZero"/>
        <c:crossBetween val="midCat"/>
      </c:valAx>
      <c:valAx>
        <c:axId val="4576237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6076491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China!$A$3</c:f>
              <c:strCache>
                <c:ptCount val="1"/>
                <c:pt idx="0">
                  <c:v>ICBC Strategy 1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China!$A$5:$A$30</c:f>
              <c:numCache>
                <c:formatCode>m/d/yyyy</c:formatCode>
                <c:ptCount val="26"/>
                <c:pt idx="0">
                  <c:v>39043</c:v>
                </c:pt>
                <c:pt idx="1">
                  <c:v>39188</c:v>
                </c:pt>
                <c:pt idx="2">
                  <c:v>39301</c:v>
                </c:pt>
                <c:pt idx="3">
                  <c:v>39468</c:v>
                </c:pt>
                <c:pt idx="4">
                  <c:v>39582</c:v>
                </c:pt>
                <c:pt idx="5">
                  <c:v>39671</c:v>
                </c:pt>
                <c:pt idx="6">
                  <c:v>39924</c:v>
                </c:pt>
                <c:pt idx="7">
                  <c:v>40128</c:v>
                </c:pt>
                <c:pt idx="8">
                  <c:v>40143</c:v>
                </c:pt>
                <c:pt idx="9">
                  <c:v>40287</c:v>
                </c:pt>
                <c:pt idx="10">
                  <c:v>40372</c:v>
                </c:pt>
                <c:pt idx="11">
                  <c:v>40399</c:v>
                </c:pt>
                <c:pt idx="12">
                  <c:v>40441</c:v>
                </c:pt>
                <c:pt idx="13">
                  <c:v>40569</c:v>
                </c:pt>
                <c:pt idx="14">
                  <c:v>40604</c:v>
                </c:pt>
                <c:pt idx="15">
                  <c:v>40654</c:v>
                </c:pt>
                <c:pt idx="16">
                  <c:v>41039</c:v>
                </c:pt>
                <c:pt idx="17">
                  <c:v>41213</c:v>
                </c:pt>
                <c:pt idx="18">
                  <c:v>41410</c:v>
                </c:pt>
                <c:pt idx="19">
                  <c:v>41431</c:v>
                </c:pt>
                <c:pt idx="20">
                  <c:v>41515</c:v>
                </c:pt>
                <c:pt idx="21">
                  <c:v>41813</c:v>
                </c:pt>
                <c:pt idx="22">
                  <c:v>41970</c:v>
                </c:pt>
                <c:pt idx="23">
                  <c:v>42174</c:v>
                </c:pt>
                <c:pt idx="24">
                  <c:v>42314</c:v>
                </c:pt>
                <c:pt idx="25">
                  <c:v>42613</c:v>
                </c:pt>
              </c:numCache>
            </c:numRef>
          </c:xVal>
          <c:yVal>
            <c:numRef>
              <c:f>China!$B$5:$B$30</c:f>
              <c:numCache>
                <c:formatCode>General</c:formatCode>
                <c:ptCount val="26"/>
                <c:pt idx="0">
                  <c:v>0</c:v>
                </c:pt>
                <c:pt idx="1">
                  <c:v>6.3582568321653987E-2</c:v>
                </c:pt>
                <c:pt idx="2">
                  <c:v>0.17054565270172306</c:v>
                </c:pt>
                <c:pt idx="3">
                  <c:v>8.8477952003681359E-2</c:v>
                </c:pt>
                <c:pt idx="4">
                  <c:v>8.5028590837615381E-2</c:v>
                </c:pt>
                <c:pt idx="5">
                  <c:v>3.2152180418788534E-2</c:v>
                </c:pt>
                <c:pt idx="6">
                  <c:v>8.2052653911711015E-2</c:v>
                </c:pt>
                <c:pt idx="7">
                  <c:v>0.14406777446978447</c:v>
                </c:pt>
                <c:pt idx="8">
                  <c:v>6.3961961330704087E-2</c:v>
                </c:pt>
                <c:pt idx="9">
                  <c:v>-6.401083053000356E-3</c:v>
                </c:pt>
                <c:pt idx="10">
                  <c:v>4.0097363893680793E-2</c:v>
                </c:pt>
                <c:pt idx="11">
                  <c:v>5.2507953819022068E-2</c:v>
                </c:pt>
                <c:pt idx="12">
                  <c:v>5.516665593779102E-2</c:v>
                </c:pt>
                <c:pt idx="13">
                  <c:v>5.2660321838176483E-2</c:v>
                </c:pt>
                <c:pt idx="14">
                  <c:v>3.8107414162994457E-2</c:v>
                </c:pt>
                <c:pt idx="15">
                  <c:v>4.4952078432201059E-2</c:v>
                </c:pt>
                <c:pt idx="16">
                  <c:v>6.6772423457467589E-2</c:v>
                </c:pt>
                <c:pt idx="17">
                  <c:v>5.8459911066889747E-2</c:v>
                </c:pt>
                <c:pt idx="18">
                  <c:v>5.5878301527702234E-2</c:v>
                </c:pt>
                <c:pt idx="19">
                  <c:v>5.3340132533645335E-2</c:v>
                </c:pt>
                <c:pt idx="20">
                  <c:v>3.2006661494989208E-2</c:v>
                </c:pt>
                <c:pt idx="21">
                  <c:v>8.3503483375109155E-3</c:v>
                </c:pt>
                <c:pt idx="22">
                  <c:v>0.10342338118076189</c:v>
                </c:pt>
                <c:pt idx="23">
                  <c:v>8.0908464096296484E-3</c:v>
                </c:pt>
                <c:pt idx="24">
                  <c:v>4.1693874623284E-2</c:v>
                </c:pt>
                <c:pt idx="25">
                  <c:v>8.980906513706155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2E0-4210-90D1-B89C3BADA1DA}"/>
            </c:ext>
          </c:extLst>
        </c:ser>
        <c:ser>
          <c:idx val="1"/>
          <c:order val="1"/>
          <c:tx>
            <c:strRef>
              <c:f>China!$D$3</c:f>
              <c:strCache>
                <c:ptCount val="1"/>
                <c:pt idx="0">
                  <c:v>ICBC Strategy 2</c:v>
                </c:pt>
              </c:strCache>
            </c:strRef>
          </c:tx>
          <c:spPr>
            <a:ln w="19050" cap="rnd">
              <a:solidFill>
                <a:schemeClr val="accent2"/>
              </a:solidFill>
              <a:prstDash val="lgDash"/>
              <a:round/>
            </a:ln>
            <a:effectLst/>
          </c:spPr>
          <c:marker>
            <c:symbol val="none"/>
          </c:marker>
          <c:xVal>
            <c:numRef>
              <c:f>China!$D$5:$D$93</c:f>
              <c:numCache>
                <c:formatCode>m/d/yyyy</c:formatCode>
                <c:ptCount val="89"/>
                <c:pt idx="0">
                  <c:v>39043</c:v>
                </c:pt>
                <c:pt idx="1">
                  <c:v>39188</c:v>
                </c:pt>
                <c:pt idx="2">
                  <c:v>39227</c:v>
                </c:pt>
                <c:pt idx="3">
                  <c:v>39301</c:v>
                </c:pt>
                <c:pt idx="4">
                  <c:v>39323</c:v>
                </c:pt>
                <c:pt idx="5">
                  <c:v>39387</c:v>
                </c:pt>
                <c:pt idx="6">
                  <c:v>39441</c:v>
                </c:pt>
                <c:pt idx="7">
                  <c:v>39468</c:v>
                </c:pt>
                <c:pt idx="8">
                  <c:v>39514</c:v>
                </c:pt>
                <c:pt idx="9">
                  <c:v>39560</c:v>
                </c:pt>
                <c:pt idx="10">
                  <c:v>39582</c:v>
                </c:pt>
                <c:pt idx="11">
                  <c:v>39671</c:v>
                </c:pt>
                <c:pt idx="12">
                  <c:v>39702</c:v>
                </c:pt>
                <c:pt idx="13">
                  <c:v>39749</c:v>
                </c:pt>
                <c:pt idx="14">
                  <c:v>39784</c:v>
                </c:pt>
                <c:pt idx="15">
                  <c:v>39805</c:v>
                </c:pt>
                <c:pt idx="16">
                  <c:v>39868</c:v>
                </c:pt>
                <c:pt idx="17">
                  <c:v>39924</c:v>
                </c:pt>
                <c:pt idx="18">
                  <c:v>39959</c:v>
                </c:pt>
                <c:pt idx="19">
                  <c:v>40001</c:v>
                </c:pt>
                <c:pt idx="20">
                  <c:v>40038</c:v>
                </c:pt>
                <c:pt idx="21">
                  <c:v>40085</c:v>
                </c:pt>
                <c:pt idx="22">
                  <c:v>40128</c:v>
                </c:pt>
                <c:pt idx="23">
                  <c:v>40143</c:v>
                </c:pt>
                <c:pt idx="24">
                  <c:v>40196</c:v>
                </c:pt>
                <c:pt idx="25">
                  <c:v>40247</c:v>
                </c:pt>
                <c:pt idx="26">
                  <c:v>40252</c:v>
                </c:pt>
                <c:pt idx="27">
                  <c:v>40287</c:v>
                </c:pt>
                <c:pt idx="28">
                  <c:v>40331</c:v>
                </c:pt>
                <c:pt idx="29">
                  <c:v>40372</c:v>
                </c:pt>
                <c:pt idx="30">
                  <c:v>40399</c:v>
                </c:pt>
                <c:pt idx="31">
                  <c:v>40441</c:v>
                </c:pt>
                <c:pt idx="32">
                  <c:v>40484</c:v>
                </c:pt>
                <c:pt idx="33">
                  <c:v>40569</c:v>
                </c:pt>
                <c:pt idx="34">
                  <c:v>40604</c:v>
                </c:pt>
                <c:pt idx="35">
                  <c:v>40625</c:v>
                </c:pt>
                <c:pt idx="36">
                  <c:v>40654</c:v>
                </c:pt>
                <c:pt idx="37">
                  <c:v>40680</c:v>
                </c:pt>
                <c:pt idx="38">
                  <c:v>40686</c:v>
                </c:pt>
                <c:pt idx="39">
                  <c:v>40714</c:v>
                </c:pt>
                <c:pt idx="40">
                  <c:v>40737</c:v>
                </c:pt>
                <c:pt idx="41">
                  <c:v>40800</c:v>
                </c:pt>
                <c:pt idx="42">
                  <c:v>40805</c:v>
                </c:pt>
                <c:pt idx="43">
                  <c:v>40812</c:v>
                </c:pt>
                <c:pt idx="44">
                  <c:v>40857</c:v>
                </c:pt>
                <c:pt idx="45">
                  <c:v>40939</c:v>
                </c:pt>
                <c:pt idx="46">
                  <c:v>40959</c:v>
                </c:pt>
                <c:pt idx="47">
                  <c:v>40967</c:v>
                </c:pt>
                <c:pt idx="48">
                  <c:v>40974</c:v>
                </c:pt>
                <c:pt idx="49">
                  <c:v>41039</c:v>
                </c:pt>
                <c:pt idx="50">
                  <c:v>41079</c:v>
                </c:pt>
                <c:pt idx="51">
                  <c:v>41114</c:v>
                </c:pt>
                <c:pt idx="52">
                  <c:v>41151</c:v>
                </c:pt>
                <c:pt idx="53">
                  <c:v>41213</c:v>
                </c:pt>
                <c:pt idx="54">
                  <c:v>41281</c:v>
                </c:pt>
                <c:pt idx="55">
                  <c:v>41295</c:v>
                </c:pt>
                <c:pt idx="56">
                  <c:v>41326</c:v>
                </c:pt>
                <c:pt idx="57">
                  <c:v>41366</c:v>
                </c:pt>
                <c:pt idx="58">
                  <c:v>41410</c:v>
                </c:pt>
                <c:pt idx="59">
                  <c:v>41431</c:v>
                </c:pt>
                <c:pt idx="60">
                  <c:v>41487</c:v>
                </c:pt>
                <c:pt idx="61">
                  <c:v>41515</c:v>
                </c:pt>
                <c:pt idx="62">
                  <c:v>41544</c:v>
                </c:pt>
                <c:pt idx="63">
                  <c:v>41613</c:v>
                </c:pt>
                <c:pt idx="64">
                  <c:v>41663</c:v>
                </c:pt>
                <c:pt idx="65">
                  <c:v>41701</c:v>
                </c:pt>
                <c:pt idx="66">
                  <c:v>41746</c:v>
                </c:pt>
                <c:pt idx="67">
                  <c:v>41813</c:v>
                </c:pt>
                <c:pt idx="68">
                  <c:v>41864</c:v>
                </c:pt>
                <c:pt idx="69">
                  <c:v>41906</c:v>
                </c:pt>
                <c:pt idx="70">
                  <c:v>41970</c:v>
                </c:pt>
                <c:pt idx="71">
                  <c:v>41996</c:v>
                </c:pt>
                <c:pt idx="72">
                  <c:v>42024</c:v>
                </c:pt>
                <c:pt idx="73">
                  <c:v>42128</c:v>
                </c:pt>
                <c:pt idx="74">
                  <c:v>42174</c:v>
                </c:pt>
                <c:pt idx="75">
                  <c:v>42207</c:v>
                </c:pt>
                <c:pt idx="76">
                  <c:v>42241</c:v>
                </c:pt>
                <c:pt idx="77">
                  <c:v>42277</c:v>
                </c:pt>
                <c:pt idx="78">
                  <c:v>42314</c:v>
                </c:pt>
                <c:pt idx="79">
                  <c:v>42332</c:v>
                </c:pt>
                <c:pt idx="80">
                  <c:v>42359</c:v>
                </c:pt>
                <c:pt idx="81">
                  <c:v>42374</c:v>
                </c:pt>
                <c:pt idx="82">
                  <c:v>42453</c:v>
                </c:pt>
                <c:pt idx="83">
                  <c:v>42489</c:v>
                </c:pt>
                <c:pt idx="84">
                  <c:v>42542</c:v>
                </c:pt>
                <c:pt idx="85">
                  <c:v>42559</c:v>
                </c:pt>
                <c:pt idx="86">
                  <c:v>42613</c:v>
                </c:pt>
                <c:pt idx="87">
                  <c:v>42674</c:v>
                </c:pt>
                <c:pt idx="88">
                  <c:v>42688</c:v>
                </c:pt>
              </c:numCache>
            </c:numRef>
          </c:xVal>
          <c:yVal>
            <c:numRef>
              <c:f>China!$E$5:$E$93</c:f>
              <c:numCache>
                <c:formatCode>General</c:formatCode>
                <c:ptCount val="89"/>
                <c:pt idx="0">
                  <c:v>0</c:v>
                </c:pt>
                <c:pt idx="1">
                  <c:v>7.3929914868342772E-2</c:v>
                </c:pt>
                <c:pt idx="2">
                  <c:v>2.5369255300439875E-2</c:v>
                </c:pt>
                <c:pt idx="3">
                  <c:v>0.15478367114341474</c:v>
                </c:pt>
                <c:pt idx="4">
                  <c:v>0.18480162110594955</c:v>
                </c:pt>
                <c:pt idx="5">
                  <c:v>0.58451564447200299</c:v>
                </c:pt>
                <c:pt idx="6">
                  <c:v>0.53144611164263433</c:v>
                </c:pt>
                <c:pt idx="7">
                  <c:v>0.45266423748778029</c:v>
                </c:pt>
                <c:pt idx="8">
                  <c:v>0.35866864871916504</c:v>
                </c:pt>
                <c:pt idx="9">
                  <c:v>0.36088578404716221</c:v>
                </c:pt>
                <c:pt idx="10">
                  <c:v>0.2852817113924706</c:v>
                </c:pt>
                <c:pt idx="11">
                  <c:v>0.26455000020159392</c:v>
                </c:pt>
                <c:pt idx="12">
                  <c:v>0.13519250941178673</c:v>
                </c:pt>
                <c:pt idx="13">
                  <c:v>5.9883503473031618E-2</c:v>
                </c:pt>
                <c:pt idx="14">
                  <c:v>1.6622896159398826E-2</c:v>
                </c:pt>
                <c:pt idx="15">
                  <c:v>-2.0636612200958138E-2</c:v>
                </c:pt>
                <c:pt idx="16">
                  <c:v>1.5023907656133373E-2</c:v>
                </c:pt>
                <c:pt idx="17">
                  <c:v>0.10925702724391617</c:v>
                </c:pt>
                <c:pt idx="18">
                  <c:v>8.6147941337609835E-2</c:v>
                </c:pt>
                <c:pt idx="19">
                  <c:v>0.27107365286417395</c:v>
                </c:pt>
                <c:pt idx="20">
                  <c:v>0.16807723495679583</c:v>
                </c:pt>
                <c:pt idx="21">
                  <c:v>0.16561983718543383</c:v>
                </c:pt>
                <c:pt idx="22">
                  <c:v>0.22276013947861584</c:v>
                </c:pt>
                <c:pt idx="23">
                  <c:v>0.15793346323442869</c:v>
                </c:pt>
                <c:pt idx="24">
                  <c:v>0.12687687700157069</c:v>
                </c:pt>
                <c:pt idx="25">
                  <c:v>0.145657003589448</c:v>
                </c:pt>
                <c:pt idx="26">
                  <c:v>0.13858518004687093</c:v>
                </c:pt>
                <c:pt idx="27">
                  <c:v>8.2816459025335964E-2</c:v>
                </c:pt>
                <c:pt idx="28">
                  <c:v>-2.945805809103641E-4</c:v>
                </c:pt>
                <c:pt idx="29">
                  <c:v>2.0639735025080874E-3</c:v>
                </c:pt>
                <c:pt idx="30">
                  <c:v>1.6447410110010052E-2</c:v>
                </c:pt>
                <c:pt idx="31">
                  <c:v>-1.0957952599472742E-2</c:v>
                </c:pt>
                <c:pt idx="32">
                  <c:v>4.5557640347683837E-2</c:v>
                </c:pt>
                <c:pt idx="33">
                  <c:v>4.3074130513128805E-2</c:v>
                </c:pt>
                <c:pt idx="34">
                  <c:v>2.8653750828615543E-2</c:v>
                </c:pt>
                <c:pt idx="35">
                  <c:v>5.2575931080443894E-2</c:v>
                </c:pt>
                <c:pt idx="36">
                  <c:v>7.1288392077429652E-2</c:v>
                </c:pt>
                <c:pt idx="37">
                  <c:v>6.8913029789009705E-2</c:v>
                </c:pt>
                <c:pt idx="38">
                  <c:v>4.3184269772206241E-2</c:v>
                </c:pt>
                <c:pt idx="39">
                  <c:v>-1.3561821955959674E-3</c:v>
                </c:pt>
                <c:pt idx="40">
                  <c:v>-3.256380150198368E-2</c:v>
                </c:pt>
                <c:pt idx="41">
                  <c:v>-5.3393767498352451E-2</c:v>
                </c:pt>
                <c:pt idx="42">
                  <c:v>-6.03201545654376E-2</c:v>
                </c:pt>
                <c:pt idx="43">
                  <c:v>-7.4380202128049411E-2</c:v>
                </c:pt>
                <c:pt idx="44">
                  <c:v>-5.2022235995876631E-2</c:v>
                </c:pt>
                <c:pt idx="45">
                  <c:v>-2.2468972369848794E-2</c:v>
                </c:pt>
                <c:pt idx="46">
                  <c:v>-2.0242250211237822E-2</c:v>
                </c:pt>
                <c:pt idx="47">
                  <c:v>-1.8035588612614561E-2</c:v>
                </c:pt>
                <c:pt idx="48">
                  <c:v>-3.7985204193848099E-2</c:v>
                </c:pt>
                <c:pt idx="49">
                  <c:v>-1.7896728179334409E-2</c:v>
                </c:pt>
                <c:pt idx="50">
                  <c:v>-6.9834881977542729E-2</c:v>
                </c:pt>
                <c:pt idx="51">
                  <c:v>-0.13341578877907778</c:v>
                </c:pt>
                <c:pt idx="52">
                  <c:v>-0.10071449778960906</c:v>
                </c:pt>
                <c:pt idx="53">
                  <c:v>-9.5981416199028002E-2</c:v>
                </c:pt>
                <c:pt idx="54">
                  <c:v>-9.3267851092974086E-3</c:v>
                </c:pt>
                <c:pt idx="55">
                  <c:v>-6.9624098947611568E-3</c:v>
                </c:pt>
                <c:pt idx="56">
                  <c:v>-7.1387667418367218E-2</c:v>
                </c:pt>
                <c:pt idx="57">
                  <c:v>-9.3710079259271994E-2</c:v>
                </c:pt>
                <c:pt idx="58">
                  <c:v>-9.8120249189883935E-2</c:v>
                </c:pt>
                <c:pt idx="59">
                  <c:v>-0.10028822936010051</c:v>
                </c:pt>
                <c:pt idx="60">
                  <c:v>-0.10486691521577429</c:v>
                </c:pt>
                <c:pt idx="61">
                  <c:v>-0.12299619288229025</c:v>
                </c:pt>
                <c:pt idx="62">
                  <c:v>-0.17028561385432361</c:v>
                </c:pt>
                <c:pt idx="63">
                  <c:v>-0.17676775749608675</c:v>
                </c:pt>
                <c:pt idx="64">
                  <c:v>-0.21596929285341593</c:v>
                </c:pt>
                <c:pt idx="65">
                  <c:v>-0.24323992614547107</c:v>
                </c:pt>
                <c:pt idx="66">
                  <c:v>-0.21151944400785605</c:v>
                </c:pt>
                <c:pt idx="67">
                  <c:v>-0.22737968507666351</c:v>
                </c:pt>
                <c:pt idx="68">
                  <c:v>-0.21165776006368864</c:v>
                </c:pt>
                <c:pt idx="69">
                  <c:v>-0.22263745699873472</c:v>
                </c:pt>
                <c:pt idx="70">
                  <c:v>-0.14934327437290107</c:v>
                </c:pt>
                <c:pt idx="71">
                  <c:v>-5.6697492373909975E-2</c:v>
                </c:pt>
                <c:pt idx="72">
                  <c:v>-0.13499532897528499</c:v>
                </c:pt>
                <c:pt idx="73">
                  <c:v>3.8390907978443911E-2</c:v>
                </c:pt>
                <c:pt idx="74">
                  <c:v>-5.1323012379987931E-2</c:v>
                </c:pt>
                <c:pt idx="75">
                  <c:v>-0.15379334902187081</c:v>
                </c:pt>
                <c:pt idx="76">
                  <c:v>-0.31422002660314108</c:v>
                </c:pt>
                <c:pt idx="77">
                  <c:v>-0.34165122553901539</c:v>
                </c:pt>
                <c:pt idx="78">
                  <c:v>-0.31819113558049472</c:v>
                </c:pt>
                <c:pt idx="79">
                  <c:v>-0.32401856177211441</c:v>
                </c:pt>
                <c:pt idx="80">
                  <c:v>-0.31377641876866158</c:v>
                </c:pt>
                <c:pt idx="81">
                  <c:v>-0.33461618045464592</c:v>
                </c:pt>
                <c:pt idx="82">
                  <c:v>-0.30011479721896095</c:v>
                </c:pt>
                <c:pt idx="83">
                  <c:v>-0.30662535724483109</c:v>
                </c:pt>
                <c:pt idx="84">
                  <c:v>-0.28221075714781796</c:v>
                </c:pt>
                <c:pt idx="85">
                  <c:v>-0.32471143600090757</c:v>
                </c:pt>
                <c:pt idx="86">
                  <c:v>-0.29514811177053246</c:v>
                </c:pt>
                <c:pt idx="87">
                  <c:v>-0.29831598542549642</c:v>
                </c:pt>
                <c:pt idx="88">
                  <c:v>-0.3014910262154262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C2E0-4210-90D1-B89C3BADA1DA}"/>
            </c:ext>
          </c:extLst>
        </c:ser>
        <c:ser>
          <c:idx val="2"/>
          <c:order val="2"/>
          <c:tx>
            <c:strRef>
              <c:f>China!$G$3</c:f>
              <c:strCache>
                <c:ptCount val="1"/>
                <c:pt idx="0">
                  <c:v>Bank of China Strategy 1</c:v>
                </c:pt>
              </c:strCache>
            </c:strRef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xVal>
            <c:numRef>
              <c:f>China!$G$5:$G$23</c:f>
              <c:numCache>
                <c:formatCode>m/d/yyyy</c:formatCode>
                <c:ptCount val="19"/>
                <c:pt idx="0">
                  <c:v>39043</c:v>
                </c:pt>
                <c:pt idx="1">
                  <c:v>39189</c:v>
                </c:pt>
                <c:pt idx="2">
                  <c:v>39230</c:v>
                </c:pt>
                <c:pt idx="3">
                  <c:v>39323</c:v>
                </c:pt>
                <c:pt idx="4">
                  <c:v>39588</c:v>
                </c:pt>
                <c:pt idx="5">
                  <c:v>39667</c:v>
                </c:pt>
                <c:pt idx="6">
                  <c:v>40123</c:v>
                </c:pt>
                <c:pt idx="7">
                  <c:v>40197</c:v>
                </c:pt>
                <c:pt idx="8">
                  <c:v>40283</c:v>
                </c:pt>
                <c:pt idx="9">
                  <c:v>40399</c:v>
                </c:pt>
                <c:pt idx="10">
                  <c:v>40604</c:v>
                </c:pt>
                <c:pt idx="11">
                  <c:v>40658</c:v>
                </c:pt>
                <c:pt idx="12">
                  <c:v>40744</c:v>
                </c:pt>
                <c:pt idx="13">
                  <c:v>40945</c:v>
                </c:pt>
                <c:pt idx="14">
                  <c:v>41033</c:v>
                </c:pt>
                <c:pt idx="15">
                  <c:v>41508</c:v>
                </c:pt>
                <c:pt idx="16">
                  <c:v>41747</c:v>
                </c:pt>
                <c:pt idx="17">
                  <c:v>42180</c:v>
                </c:pt>
                <c:pt idx="18">
                  <c:v>42453</c:v>
                </c:pt>
              </c:numCache>
            </c:numRef>
          </c:xVal>
          <c:yVal>
            <c:numRef>
              <c:f>China!$H$5:$H$23</c:f>
              <c:numCache>
                <c:formatCode>General</c:formatCode>
                <c:ptCount val="19"/>
                <c:pt idx="0">
                  <c:v>0</c:v>
                </c:pt>
                <c:pt idx="1">
                  <c:v>8.286253086299733E-2</c:v>
                </c:pt>
                <c:pt idx="2">
                  <c:v>7.0038210551846225E-2</c:v>
                </c:pt>
                <c:pt idx="3">
                  <c:v>0.18582468160893306</c:v>
                </c:pt>
                <c:pt idx="4">
                  <c:v>9.6370876572474229E-2</c:v>
                </c:pt>
                <c:pt idx="5">
                  <c:v>8.0168612223111113E-2</c:v>
                </c:pt>
                <c:pt idx="6">
                  <c:v>0.10399823236058658</c:v>
                </c:pt>
                <c:pt idx="7">
                  <c:v>6.0755623056572894E-2</c:v>
                </c:pt>
                <c:pt idx="8">
                  <c:v>3.399223020026354E-2</c:v>
                </c:pt>
                <c:pt idx="9">
                  <c:v>2.4870078836558562E-3</c:v>
                </c:pt>
                <c:pt idx="10">
                  <c:v>-3.6071380609257186E-3</c:v>
                </c:pt>
                <c:pt idx="11">
                  <c:v>-9.5029538120445789E-3</c:v>
                </c:pt>
                <c:pt idx="12">
                  <c:v>-1.9026963871544234E-2</c:v>
                </c:pt>
                <c:pt idx="13">
                  <c:v>4.1717227936557411E-3</c:v>
                </c:pt>
                <c:pt idx="14">
                  <c:v>-2.348872808900504E-3</c:v>
                </c:pt>
                <c:pt idx="15">
                  <c:v>-1.3600577250905466E-2</c:v>
                </c:pt>
                <c:pt idx="16">
                  <c:v>2.1350583397684364E-2</c:v>
                </c:pt>
                <c:pt idx="17">
                  <c:v>4.111865920538138E-2</c:v>
                </c:pt>
                <c:pt idx="18">
                  <c:v>1.3880089633147685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C2E0-4210-90D1-B89C3BADA1DA}"/>
            </c:ext>
          </c:extLst>
        </c:ser>
        <c:ser>
          <c:idx val="3"/>
          <c:order val="3"/>
          <c:tx>
            <c:strRef>
              <c:f>China!$J$3</c:f>
              <c:strCache>
                <c:ptCount val="1"/>
                <c:pt idx="0">
                  <c:v>Bank of China Strategy 2</c:v>
                </c:pt>
              </c:strCache>
            </c:strRef>
          </c:tx>
          <c:spPr>
            <a:ln w="19050" cap="rnd">
              <a:solidFill>
                <a:schemeClr val="accent4"/>
              </a:solidFill>
              <a:prstDash val="lgDash"/>
              <a:round/>
            </a:ln>
            <a:effectLst/>
          </c:spPr>
          <c:marker>
            <c:symbol val="none"/>
          </c:marker>
          <c:xVal>
            <c:numRef>
              <c:f>China!$J$5:$J$86</c:f>
              <c:numCache>
                <c:formatCode>m/d/yyyy</c:formatCode>
                <c:ptCount val="82"/>
                <c:pt idx="0">
                  <c:v>39043</c:v>
                </c:pt>
                <c:pt idx="1">
                  <c:v>39189</c:v>
                </c:pt>
                <c:pt idx="2">
                  <c:v>39230</c:v>
                </c:pt>
                <c:pt idx="3">
                  <c:v>39323</c:v>
                </c:pt>
                <c:pt idx="4">
                  <c:v>39387</c:v>
                </c:pt>
                <c:pt idx="5">
                  <c:v>39468</c:v>
                </c:pt>
                <c:pt idx="6">
                  <c:v>39521</c:v>
                </c:pt>
                <c:pt idx="7">
                  <c:v>39560</c:v>
                </c:pt>
                <c:pt idx="8">
                  <c:v>39588</c:v>
                </c:pt>
                <c:pt idx="9">
                  <c:v>39654</c:v>
                </c:pt>
                <c:pt idx="10">
                  <c:v>39667</c:v>
                </c:pt>
                <c:pt idx="11">
                  <c:v>39708</c:v>
                </c:pt>
                <c:pt idx="12">
                  <c:v>39738</c:v>
                </c:pt>
                <c:pt idx="13">
                  <c:v>39806</c:v>
                </c:pt>
                <c:pt idx="14">
                  <c:v>39869</c:v>
                </c:pt>
                <c:pt idx="15">
                  <c:v>39897</c:v>
                </c:pt>
                <c:pt idx="16">
                  <c:v>39910</c:v>
                </c:pt>
                <c:pt idx="17">
                  <c:v>39925</c:v>
                </c:pt>
                <c:pt idx="18">
                  <c:v>39958</c:v>
                </c:pt>
                <c:pt idx="19">
                  <c:v>40002</c:v>
                </c:pt>
                <c:pt idx="20">
                  <c:v>40037</c:v>
                </c:pt>
                <c:pt idx="21">
                  <c:v>40085</c:v>
                </c:pt>
                <c:pt idx="22">
                  <c:v>40123</c:v>
                </c:pt>
                <c:pt idx="23">
                  <c:v>40144</c:v>
                </c:pt>
                <c:pt idx="24">
                  <c:v>40169</c:v>
                </c:pt>
                <c:pt idx="25">
                  <c:v>40197</c:v>
                </c:pt>
                <c:pt idx="26">
                  <c:v>40255</c:v>
                </c:pt>
                <c:pt idx="27">
                  <c:v>40283</c:v>
                </c:pt>
                <c:pt idx="28">
                  <c:v>40319</c:v>
                </c:pt>
                <c:pt idx="29">
                  <c:v>40399</c:v>
                </c:pt>
                <c:pt idx="30">
                  <c:v>40441</c:v>
                </c:pt>
                <c:pt idx="31">
                  <c:v>40484</c:v>
                </c:pt>
                <c:pt idx="32">
                  <c:v>40540</c:v>
                </c:pt>
                <c:pt idx="33">
                  <c:v>40574</c:v>
                </c:pt>
                <c:pt idx="34">
                  <c:v>40604</c:v>
                </c:pt>
                <c:pt idx="35">
                  <c:v>40623</c:v>
                </c:pt>
                <c:pt idx="36">
                  <c:v>40658</c:v>
                </c:pt>
                <c:pt idx="37">
                  <c:v>40687</c:v>
                </c:pt>
                <c:pt idx="38">
                  <c:v>40744</c:v>
                </c:pt>
                <c:pt idx="39">
                  <c:v>40800</c:v>
                </c:pt>
                <c:pt idx="40">
                  <c:v>40850</c:v>
                </c:pt>
                <c:pt idx="41">
                  <c:v>40904</c:v>
                </c:pt>
                <c:pt idx="42">
                  <c:v>40945</c:v>
                </c:pt>
                <c:pt idx="43">
                  <c:v>40975</c:v>
                </c:pt>
                <c:pt idx="44">
                  <c:v>41033</c:v>
                </c:pt>
                <c:pt idx="45">
                  <c:v>41074</c:v>
                </c:pt>
                <c:pt idx="46">
                  <c:v>41114</c:v>
                </c:pt>
                <c:pt idx="47">
                  <c:v>41149</c:v>
                </c:pt>
                <c:pt idx="48">
                  <c:v>41212</c:v>
                </c:pt>
                <c:pt idx="49">
                  <c:v>41235</c:v>
                </c:pt>
                <c:pt idx="50">
                  <c:v>41278</c:v>
                </c:pt>
                <c:pt idx="51">
                  <c:v>41327</c:v>
                </c:pt>
                <c:pt idx="52">
                  <c:v>41374</c:v>
                </c:pt>
                <c:pt idx="53">
                  <c:v>41431</c:v>
                </c:pt>
                <c:pt idx="54">
                  <c:v>41486</c:v>
                </c:pt>
                <c:pt idx="55">
                  <c:v>41508</c:v>
                </c:pt>
                <c:pt idx="56">
                  <c:v>41547</c:v>
                </c:pt>
                <c:pt idx="57">
                  <c:v>41584</c:v>
                </c:pt>
                <c:pt idx="58">
                  <c:v>41618</c:v>
                </c:pt>
                <c:pt idx="59">
                  <c:v>41701</c:v>
                </c:pt>
                <c:pt idx="60">
                  <c:v>41747</c:v>
                </c:pt>
                <c:pt idx="61">
                  <c:v>41813</c:v>
                </c:pt>
                <c:pt idx="62">
                  <c:v>41866</c:v>
                </c:pt>
                <c:pt idx="63">
                  <c:v>41906</c:v>
                </c:pt>
                <c:pt idx="64">
                  <c:v>41936</c:v>
                </c:pt>
                <c:pt idx="65">
                  <c:v>41970</c:v>
                </c:pt>
                <c:pt idx="66">
                  <c:v>41991</c:v>
                </c:pt>
                <c:pt idx="67">
                  <c:v>42026</c:v>
                </c:pt>
                <c:pt idx="68">
                  <c:v>42103</c:v>
                </c:pt>
                <c:pt idx="69">
                  <c:v>42129</c:v>
                </c:pt>
                <c:pt idx="70">
                  <c:v>42180</c:v>
                </c:pt>
                <c:pt idx="71">
                  <c:v>42209</c:v>
                </c:pt>
                <c:pt idx="72">
                  <c:v>42247</c:v>
                </c:pt>
                <c:pt idx="73">
                  <c:v>42285</c:v>
                </c:pt>
                <c:pt idx="74">
                  <c:v>42313</c:v>
                </c:pt>
                <c:pt idx="75">
                  <c:v>42333</c:v>
                </c:pt>
                <c:pt idx="76">
                  <c:v>42356</c:v>
                </c:pt>
                <c:pt idx="77">
                  <c:v>42453</c:v>
                </c:pt>
                <c:pt idx="78">
                  <c:v>42481</c:v>
                </c:pt>
                <c:pt idx="79">
                  <c:v>42544</c:v>
                </c:pt>
                <c:pt idx="80">
                  <c:v>42612</c:v>
                </c:pt>
                <c:pt idx="81">
                  <c:v>42677</c:v>
                </c:pt>
              </c:numCache>
            </c:numRef>
          </c:xVal>
          <c:yVal>
            <c:numRef>
              <c:f>China!$K$5:$K$86</c:f>
              <c:numCache>
                <c:formatCode>General</c:formatCode>
                <c:ptCount val="82"/>
                <c:pt idx="0">
                  <c:v>0</c:v>
                </c:pt>
                <c:pt idx="1">
                  <c:v>0.15461729173058258</c:v>
                </c:pt>
                <c:pt idx="2">
                  <c:v>9.9995794426761098E-2</c:v>
                </c:pt>
                <c:pt idx="3">
                  <c:v>0.25171912723726031</c:v>
                </c:pt>
                <c:pt idx="4">
                  <c:v>0.50286813283744669</c:v>
                </c:pt>
                <c:pt idx="5">
                  <c:v>0.41034924824322161</c:v>
                </c:pt>
                <c:pt idx="6">
                  <c:v>0.2980198857290699</c:v>
                </c:pt>
                <c:pt idx="7">
                  <c:v>0.17451999522404882</c:v>
                </c:pt>
                <c:pt idx="8">
                  <c:v>6.9372605265459075E-2</c:v>
                </c:pt>
                <c:pt idx="9">
                  <c:v>7.2013899667171533E-2</c:v>
                </c:pt>
                <c:pt idx="10">
                  <c:v>5.6171584844929123E-2</c:v>
                </c:pt>
                <c:pt idx="11">
                  <c:v>-0.14059346608921808</c:v>
                </c:pt>
                <c:pt idx="12">
                  <c:v>-0.2533030363108858</c:v>
                </c:pt>
                <c:pt idx="13">
                  <c:v>-0.28830392954331774</c:v>
                </c:pt>
                <c:pt idx="14">
                  <c:v>-0.22075331025308376</c:v>
                </c:pt>
                <c:pt idx="15">
                  <c:v>-0.22304596383455511</c:v>
                </c:pt>
                <c:pt idx="16">
                  <c:v>-0.20301021595012192</c:v>
                </c:pt>
                <c:pt idx="17">
                  <c:v>-0.2052623348509085</c:v>
                </c:pt>
                <c:pt idx="18">
                  <c:v>-0.22715631424498883</c:v>
                </c:pt>
                <c:pt idx="19">
                  <c:v>-0.11338865971184608</c:v>
                </c:pt>
                <c:pt idx="20">
                  <c:v>-0.20186149165370038</c:v>
                </c:pt>
                <c:pt idx="21">
                  <c:v>-0.22206787309360476</c:v>
                </c:pt>
                <c:pt idx="22">
                  <c:v>-0.21071139938387762</c:v>
                </c:pt>
                <c:pt idx="23">
                  <c:v>-0.25322448661736718</c:v>
                </c:pt>
                <c:pt idx="24">
                  <c:v>-0.27273552249170219</c:v>
                </c:pt>
                <c:pt idx="25">
                  <c:v>-0.27098671791295847</c:v>
                </c:pt>
                <c:pt idx="26">
                  <c:v>-0.26745705348908189</c:v>
                </c:pt>
                <c:pt idx="27">
                  <c:v>-0.28593947699497602</c:v>
                </c:pt>
                <c:pt idx="28">
                  <c:v>-0.29834292186905231</c:v>
                </c:pt>
                <c:pt idx="29">
                  <c:v>-0.29227682461276239</c:v>
                </c:pt>
                <c:pt idx="30">
                  <c:v>-0.3237773415079811</c:v>
                </c:pt>
                <c:pt idx="31">
                  <c:v>-0.27113672867253569</c:v>
                </c:pt>
                <c:pt idx="32">
                  <c:v>-0.29101481789055739</c:v>
                </c:pt>
                <c:pt idx="33">
                  <c:v>-0.29319631075858632</c:v>
                </c:pt>
                <c:pt idx="34">
                  <c:v>-0.28665183215449908</c:v>
                </c:pt>
                <c:pt idx="35">
                  <c:v>-0.30800956173071159</c:v>
                </c:pt>
                <c:pt idx="36">
                  <c:v>-0.31006294582053151</c:v>
                </c:pt>
                <c:pt idx="37">
                  <c:v>-0.32032986626963067</c:v>
                </c:pt>
                <c:pt idx="38">
                  <c:v>-0.33327596405497106</c:v>
                </c:pt>
                <c:pt idx="39">
                  <c:v>-0.34003330225711659</c:v>
                </c:pt>
                <c:pt idx="40">
                  <c:v>-0.32892275179006469</c:v>
                </c:pt>
                <c:pt idx="41">
                  <c:v>-0.33584107393655893</c:v>
                </c:pt>
                <c:pt idx="42">
                  <c:v>-0.31082138836567585</c:v>
                </c:pt>
                <c:pt idx="43">
                  <c:v>-0.32429067719240534</c:v>
                </c:pt>
                <c:pt idx="44">
                  <c:v>-0.3153408848373378</c:v>
                </c:pt>
                <c:pt idx="45">
                  <c:v>-0.35413823469655525</c:v>
                </c:pt>
                <c:pt idx="46">
                  <c:v>-0.38620229396693895</c:v>
                </c:pt>
                <c:pt idx="47">
                  <c:v>-0.3839783892349351</c:v>
                </c:pt>
                <c:pt idx="48">
                  <c:v>-0.38622664328882228</c:v>
                </c:pt>
                <c:pt idx="49">
                  <c:v>-0.40140831642302111</c:v>
                </c:pt>
                <c:pt idx="50">
                  <c:v>-0.37611571007469813</c:v>
                </c:pt>
                <c:pt idx="51">
                  <c:v>-0.38846985442965454</c:v>
                </c:pt>
                <c:pt idx="52">
                  <c:v>-0.40082399878461106</c:v>
                </c:pt>
                <c:pt idx="53">
                  <c:v>-0.39462562635824494</c:v>
                </c:pt>
                <c:pt idx="54">
                  <c:v>-0.38302841613522276</c:v>
                </c:pt>
                <c:pt idx="55">
                  <c:v>-0.39227143611821569</c:v>
                </c:pt>
                <c:pt idx="56">
                  <c:v>-0.40719810259952272</c:v>
                </c:pt>
                <c:pt idx="57">
                  <c:v>-0.41560664015130255</c:v>
                </c:pt>
                <c:pt idx="58">
                  <c:v>-0.41767163435571497</c:v>
                </c:pt>
                <c:pt idx="59">
                  <c:v>-0.41999166768497498</c:v>
                </c:pt>
                <c:pt idx="60">
                  <c:v>-0.39944019134310405</c:v>
                </c:pt>
                <c:pt idx="61">
                  <c:v>-0.38131008391195242</c:v>
                </c:pt>
                <c:pt idx="62">
                  <c:v>-0.35001448504368537</c:v>
                </c:pt>
                <c:pt idx="63">
                  <c:v>-0.35715718301023824</c:v>
                </c:pt>
                <c:pt idx="64">
                  <c:v>-0.36195451746538576</c:v>
                </c:pt>
                <c:pt idx="65">
                  <c:v>-0.27484129660272616</c:v>
                </c:pt>
                <c:pt idx="66">
                  <c:v>-0.28922121423383351</c:v>
                </c:pt>
                <c:pt idx="67">
                  <c:v>-0.17104353660042282</c:v>
                </c:pt>
                <c:pt idx="68">
                  <c:v>-9.4400359935741807E-2</c:v>
                </c:pt>
                <c:pt idx="69">
                  <c:v>-0.12305857639347151</c:v>
                </c:pt>
                <c:pt idx="70">
                  <c:v>-0.11181573762928509</c:v>
                </c:pt>
                <c:pt idx="71">
                  <c:v>-0.20539229384334257</c:v>
                </c:pt>
                <c:pt idx="72">
                  <c:v>-0.29164301483494282</c:v>
                </c:pt>
                <c:pt idx="73">
                  <c:v>-0.32384105961517273</c:v>
                </c:pt>
                <c:pt idx="74">
                  <c:v>-0.3100418975665028</c:v>
                </c:pt>
                <c:pt idx="75">
                  <c:v>-0.30493109680773611</c:v>
                </c:pt>
                <c:pt idx="76">
                  <c:v>-0.29804922647909982</c:v>
                </c:pt>
                <c:pt idx="77">
                  <c:v>-0.26514528397030757</c:v>
                </c:pt>
                <c:pt idx="78">
                  <c:v>-0.28233486797100216</c:v>
                </c:pt>
                <c:pt idx="79">
                  <c:v>-0.25353966205625844</c:v>
                </c:pt>
                <c:pt idx="80">
                  <c:v>-0.2766044477792392</c:v>
                </c:pt>
                <c:pt idx="81">
                  <c:v>-0.280859715733479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C2E0-4210-90D1-B89C3BADA1DA}"/>
            </c:ext>
          </c:extLst>
        </c:ser>
        <c:ser>
          <c:idx val="4"/>
          <c:order val="4"/>
          <c:tx>
            <c:strRef>
              <c:f>China!$M$3</c:f>
              <c:strCache>
                <c:ptCount val="1"/>
                <c:pt idx="0">
                  <c:v>Baosteel Strategy 1</c:v>
                </c:pt>
              </c:strCache>
            </c:strRef>
          </c:tx>
          <c:spPr>
            <a:ln w="19050" cap="rnd">
              <a:solidFill>
                <a:schemeClr val="accent5"/>
              </a:solidFill>
              <a:round/>
            </a:ln>
            <a:effectLst/>
          </c:spPr>
          <c:marker>
            <c:symbol val="none"/>
          </c:marker>
          <c:xVal>
            <c:numRef>
              <c:f>China!$M$5:$M$20</c:f>
              <c:numCache>
                <c:formatCode>m/d/yyyy</c:formatCode>
                <c:ptCount val="16"/>
                <c:pt idx="0">
                  <c:v>39043</c:v>
                </c:pt>
                <c:pt idx="1">
                  <c:v>39316</c:v>
                </c:pt>
                <c:pt idx="2">
                  <c:v>39468</c:v>
                </c:pt>
                <c:pt idx="3">
                  <c:v>39665</c:v>
                </c:pt>
                <c:pt idx="4">
                  <c:v>39993</c:v>
                </c:pt>
                <c:pt idx="5">
                  <c:v>40158</c:v>
                </c:pt>
                <c:pt idx="6">
                  <c:v>40336</c:v>
                </c:pt>
                <c:pt idx="7">
                  <c:v>40400</c:v>
                </c:pt>
                <c:pt idx="8">
                  <c:v>40602</c:v>
                </c:pt>
                <c:pt idx="9">
                  <c:v>40660</c:v>
                </c:pt>
                <c:pt idx="10">
                  <c:v>40849</c:v>
                </c:pt>
                <c:pt idx="11">
                  <c:v>41233</c:v>
                </c:pt>
                <c:pt idx="12">
                  <c:v>41281</c:v>
                </c:pt>
                <c:pt idx="13">
                  <c:v>42108</c:v>
                </c:pt>
                <c:pt idx="14">
                  <c:v>42174</c:v>
                </c:pt>
                <c:pt idx="15">
                  <c:v>42488</c:v>
                </c:pt>
              </c:numCache>
            </c:numRef>
          </c:xVal>
          <c:yVal>
            <c:numRef>
              <c:f>China!$N$5:$N$20</c:f>
              <c:numCache>
                <c:formatCode>General</c:formatCode>
                <c:ptCount val="16"/>
                <c:pt idx="0">
                  <c:v>0</c:v>
                </c:pt>
                <c:pt idx="1">
                  <c:v>0.30848532910388582</c:v>
                </c:pt>
                <c:pt idx="2">
                  <c:v>0.1572071765224532</c:v>
                </c:pt>
                <c:pt idx="3">
                  <c:v>5.2139185715874836E-2</c:v>
                </c:pt>
                <c:pt idx="4">
                  <c:v>0.16120239399130099</c:v>
                </c:pt>
                <c:pt idx="5">
                  <c:v>0.34787670289876327</c:v>
                </c:pt>
                <c:pt idx="6">
                  <c:v>0.30709699373462862</c:v>
                </c:pt>
                <c:pt idx="7">
                  <c:v>0.33618977260948535</c:v>
                </c:pt>
                <c:pt idx="8">
                  <c:v>0.40918344759270453</c:v>
                </c:pt>
                <c:pt idx="9">
                  <c:v>0.32984604169606424</c:v>
                </c:pt>
                <c:pt idx="10">
                  <c:v>0.32234690988198866</c:v>
                </c:pt>
                <c:pt idx="11">
                  <c:v>0.29691716161502746</c:v>
                </c:pt>
                <c:pt idx="12">
                  <c:v>0.37467664882106777</c:v>
                </c:pt>
                <c:pt idx="13">
                  <c:v>0.47426259923282132</c:v>
                </c:pt>
                <c:pt idx="14">
                  <c:v>0.27759101299062783</c:v>
                </c:pt>
                <c:pt idx="15">
                  <c:v>0.2019299546916903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C2E0-4210-90D1-B89C3BADA1DA}"/>
            </c:ext>
          </c:extLst>
        </c:ser>
        <c:ser>
          <c:idx val="5"/>
          <c:order val="5"/>
          <c:tx>
            <c:strRef>
              <c:f>China!$P$3</c:f>
              <c:strCache>
                <c:ptCount val="1"/>
                <c:pt idx="0">
                  <c:v>Baosteel Strategy 2</c:v>
                </c:pt>
              </c:strCache>
            </c:strRef>
          </c:tx>
          <c:spPr>
            <a:ln w="19050" cap="rnd">
              <a:solidFill>
                <a:schemeClr val="accent6"/>
              </a:solidFill>
              <a:prstDash val="lgDash"/>
              <a:round/>
            </a:ln>
            <a:effectLst/>
          </c:spPr>
          <c:marker>
            <c:symbol val="none"/>
          </c:marker>
          <c:xVal>
            <c:numRef>
              <c:f>China!$P$5:$P$89</c:f>
              <c:numCache>
                <c:formatCode>m/d/yyyy</c:formatCode>
                <c:ptCount val="85"/>
                <c:pt idx="0">
                  <c:v>39043</c:v>
                </c:pt>
                <c:pt idx="1">
                  <c:v>39160</c:v>
                </c:pt>
                <c:pt idx="2">
                  <c:v>39192</c:v>
                </c:pt>
                <c:pt idx="3">
                  <c:v>39231</c:v>
                </c:pt>
                <c:pt idx="4">
                  <c:v>39282</c:v>
                </c:pt>
                <c:pt idx="5">
                  <c:v>39316</c:v>
                </c:pt>
                <c:pt idx="6">
                  <c:v>39336</c:v>
                </c:pt>
                <c:pt idx="7">
                  <c:v>39386</c:v>
                </c:pt>
                <c:pt idx="8">
                  <c:v>39468</c:v>
                </c:pt>
                <c:pt idx="9">
                  <c:v>39512</c:v>
                </c:pt>
                <c:pt idx="10">
                  <c:v>39552</c:v>
                </c:pt>
                <c:pt idx="11">
                  <c:v>39589</c:v>
                </c:pt>
                <c:pt idx="12">
                  <c:v>39665</c:v>
                </c:pt>
                <c:pt idx="13">
                  <c:v>39731</c:v>
                </c:pt>
                <c:pt idx="14">
                  <c:v>39784</c:v>
                </c:pt>
                <c:pt idx="15">
                  <c:v>39806</c:v>
                </c:pt>
                <c:pt idx="16">
                  <c:v>39867</c:v>
                </c:pt>
                <c:pt idx="17">
                  <c:v>39913</c:v>
                </c:pt>
                <c:pt idx="18">
                  <c:v>39960</c:v>
                </c:pt>
                <c:pt idx="19">
                  <c:v>39993</c:v>
                </c:pt>
                <c:pt idx="20">
                  <c:v>40017</c:v>
                </c:pt>
                <c:pt idx="21">
                  <c:v>40037</c:v>
                </c:pt>
                <c:pt idx="22">
                  <c:v>40084</c:v>
                </c:pt>
                <c:pt idx="23">
                  <c:v>40123</c:v>
                </c:pt>
                <c:pt idx="24">
                  <c:v>40158</c:v>
                </c:pt>
                <c:pt idx="25">
                  <c:v>40164</c:v>
                </c:pt>
                <c:pt idx="26">
                  <c:v>40196</c:v>
                </c:pt>
                <c:pt idx="27">
                  <c:v>40247</c:v>
                </c:pt>
                <c:pt idx="28">
                  <c:v>40288</c:v>
                </c:pt>
                <c:pt idx="29">
                  <c:v>40336</c:v>
                </c:pt>
                <c:pt idx="30">
                  <c:v>40400</c:v>
                </c:pt>
                <c:pt idx="31">
                  <c:v>40448</c:v>
                </c:pt>
                <c:pt idx="32">
                  <c:v>40484</c:v>
                </c:pt>
                <c:pt idx="33">
                  <c:v>40602</c:v>
                </c:pt>
                <c:pt idx="34">
                  <c:v>40626</c:v>
                </c:pt>
                <c:pt idx="35">
                  <c:v>40632</c:v>
                </c:pt>
                <c:pt idx="36">
                  <c:v>40660</c:v>
                </c:pt>
                <c:pt idx="37">
                  <c:v>40716</c:v>
                </c:pt>
                <c:pt idx="38">
                  <c:v>40745</c:v>
                </c:pt>
                <c:pt idx="39">
                  <c:v>40801</c:v>
                </c:pt>
                <c:pt idx="40">
                  <c:v>40849</c:v>
                </c:pt>
                <c:pt idx="41">
                  <c:v>40861</c:v>
                </c:pt>
                <c:pt idx="42">
                  <c:v>40942</c:v>
                </c:pt>
                <c:pt idx="43">
                  <c:v>40981</c:v>
                </c:pt>
                <c:pt idx="44">
                  <c:v>41073</c:v>
                </c:pt>
                <c:pt idx="45">
                  <c:v>41141</c:v>
                </c:pt>
                <c:pt idx="46">
                  <c:v>41177</c:v>
                </c:pt>
                <c:pt idx="47">
                  <c:v>41233</c:v>
                </c:pt>
                <c:pt idx="48">
                  <c:v>41281</c:v>
                </c:pt>
                <c:pt idx="49">
                  <c:v>41296</c:v>
                </c:pt>
                <c:pt idx="50">
                  <c:v>41327</c:v>
                </c:pt>
                <c:pt idx="51">
                  <c:v>41360</c:v>
                </c:pt>
                <c:pt idx="52">
                  <c:v>41390</c:v>
                </c:pt>
                <c:pt idx="53">
                  <c:v>41418</c:v>
                </c:pt>
                <c:pt idx="54">
                  <c:v>41488</c:v>
                </c:pt>
                <c:pt idx="55">
                  <c:v>41515</c:v>
                </c:pt>
                <c:pt idx="56">
                  <c:v>41541</c:v>
                </c:pt>
                <c:pt idx="57">
                  <c:v>41583</c:v>
                </c:pt>
                <c:pt idx="58">
                  <c:v>41624</c:v>
                </c:pt>
                <c:pt idx="59">
                  <c:v>41660</c:v>
                </c:pt>
                <c:pt idx="60">
                  <c:v>41697</c:v>
                </c:pt>
                <c:pt idx="61">
                  <c:v>41750</c:v>
                </c:pt>
                <c:pt idx="62">
                  <c:v>41807</c:v>
                </c:pt>
                <c:pt idx="63">
                  <c:v>41835</c:v>
                </c:pt>
                <c:pt idx="64">
                  <c:v>41866</c:v>
                </c:pt>
                <c:pt idx="65">
                  <c:v>41905</c:v>
                </c:pt>
                <c:pt idx="66">
                  <c:v>41967</c:v>
                </c:pt>
                <c:pt idx="67">
                  <c:v>41969</c:v>
                </c:pt>
                <c:pt idx="68">
                  <c:v>41998</c:v>
                </c:pt>
                <c:pt idx="69">
                  <c:v>42069</c:v>
                </c:pt>
                <c:pt idx="70">
                  <c:v>42108</c:v>
                </c:pt>
                <c:pt idx="71">
                  <c:v>42135</c:v>
                </c:pt>
                <c:pt idx="72">
                  <c:v>42174</c:v>
                </c:pt>
                <c:pt idx="73">
                  <c:v>42241</c:v>
                </c:pt>
                <c:pt idx="74">
                  <c:v>42290</c:v>
                </c:pt>
                <c:pt idx="75">
                  <c:v>42310</c:v>
                </c:pt>
                <c:pt idx="76">
                  <c:v>42334</c:v>
                </c:pt>
                <c:pt idx="77">
                  <c:v>42381</c:v>
                </c:pt>
                <c:pt idx="78">
                  <c:v>42391</c:v>
                </c:pt>
                <c:pt idx="79">
                  <c:v>42395</c:v>
                </c:pt>
                <c:pt idx="80">
                  <c:v>42445</c:v>
                </c:pt>
                <c:pt idx="81">
                  <c:v>42466</c:v>
                </c:pt>
                <c:pt idx="82">
                  <c:v>42488</c:v>
                </c:pt>
                <c:pt idx="83">
                  <c:v>42541</c:v>
                </c:pt>
                <c:pt idx="84">
                  <c:v>42675</c:v>
                </c:pt>
              </c:numCache>
            </c:numRef>
          </c:xVal>
          <c:yVal>
            <c:numRef>
              <c:f>China!$Q$5:$Q$89</c:f>
              <c:numCache>
                <c:formatCode>General</c:formatCode>
                <c:ptCount val="85"/>
                <c:pt idx="0">
                  <c:v>0</c:v>
                </c:pt>
                <c:pt idx="1">
                  <c:v>-4.1845493562231773E-2</c:v>
                </c:pt>
                <c:pt idx="2">
                  <c:v>3.751679889018944E-2</c:v>
                </c:pt>
                <c:pt idx="3">
                  <c:v>1.5787170009209373E-3</c:v>
                </c:pt>
                <c:pt idx="4">
                  <c:v>-4.717068957877002E-2</c:v>
                </c:pt>
                <c:pt idx="5">
                  <c:v>0.30254213934965168</c:v>
                </c:pt>
                <c:pt idx="6">
                  <c:v>0.23593877218206294</c:v>
                </c:pt>
                <c:pt idx="7">
                  <c:v>9.9866666975480189E-2</c:v>
                </c:pt>
                <c:pt idx="8">
                  <c:v>0.1489991919839575</c:v>
                </c:pt>
                <c:pt idx="9">
                  <c:v>4.6063836797494817E-2</c:v>
                </c:pt>
                <c:pt idx="10">
                  <c:v>-0.11546643644220733</c:v>
                </c:pt>
                <c:pt idx="11">
                  <c:v>0.17093732352517277</c:v>
                </c:pt>
                <c:pt idx="12">
                  <c:v>-6.60997674096796E-2</c:v>
                </c:pt>
                <c:pt idx="13">
                  <c:v>-0.20148767095087983</c:v>
                </c:pt>
                <c:pt idx="14">
                  <c:v>-0.21257811996545095</c:v>
                </c:pt>
                <c:pt idx="15">
                  <c:v>-0.27257216796808326</c:v>
                </c:pt>
                <c:pt idx="16">
                  <c:v>-0.14211727411440622</c:v>
                </c:pt>
                <c:pt idx="17">
                  <c:v>-0.12690658748522887</c:v>
                </c:pt>
                <c:pt idx="18">
                  <c:v>-0.18555713733354928</c:v>
                </c:pt>
                <c:pt idx="19">
                  <c:v>-0.14666189208319791</c:v>
                </c:pt>
                <c:pt idx="20">
                  <c:v>-5.6103562263455475E-2</c:v>
                </c:pt>
                <c:pt idx="21">
                  <c:v>-0.22245362752791575</c:v>
                </c:pt>
                <c:pt idx="22">
                  <c:v>-0.28549792799862539</c:v>
                </c:pt>
                <c:pt idx="23">
                  <c:v>-0.27652928274337796</c:v>
                </c:pt>
                <c:pt idx="24">
                  <c:v>-0.16655446265788643</c:v>
                </c:pt>
                <c:pt idx="25">
                  <c:v>-0.2162849146097916</c:v>
                </c:pt>
                <c:pt idx="26">
                  <c:v>-0.28235151822540461</c:v>
                </c:pt>
                <c:pt idx="27">
                  <c:v>-0.17388103245110687</c:v>
                </c:pt>
                <c:pt idx="28">
                  <c:v>-0.26756462670922876</c:v>
                </c:pt>
                <c:pt idx="29">
                  <c:v>-0.3127070225977201</c:v>
                </c:pt>
                <c:pt idx="30">
                  <c:v>-0.26953820748815549</c:v>
                </c:pt>
                <c:pt idx="31">
                  <c:v>-0.31349149586279379</c:v>
                </c:pt>
                <c:pt idx="32">
                  <c:v>-0.29838264295193362</c:v>
                </c:pt>
                <c:pt idx="33">
                  <c:v>-0.27328753629149605</c:v>
                </c:pt>
                <c:pt idx="34">
                  <c:v>-0.31913382594827411</c:v>
                </c:pt>
                <c:pt idx="35">
                  <c:v>-0.31723196512690055</c:v>
                </c:pt>
                <c:pt idx="36">
                  <c:v>-0.36081290352305584</c:v>
                </c:pt>
                <c:pt idx="37">
                  <c:v>-0.40920561745190964</c:v>
                </c:pt>
                <c:pt idx="38">
                  <c:v>-0.42196363567969231</c:v>
                </c:pt>
                <c:pt idx="39">
                  <c:v>-0.43187283049661185</c:v>
                </c:pt>
                <c:pt idx="40">
                  <c:v>-0.41529324383795263</c:v>
                </c:pt>
                <c:pt idx="41">
                  <c:v>-0.42402021034783399</c:v>
                </c:pt>
                <c:pt idx="42">
                  <c:v>-0.39042138928479098</c:v>
                </c:pt>
                <c:pt idx="43">
                  <c:v>-0.39395859592337057</c:v>
                </c:pt>
                <c:pt idx="44">
                  <c:v>-0.43231564681429646</c:v>
                </c:pt>
                <c:pt idx="45">
                  <c:v>-0.45486385710438282</c:v>
                </c:pt>
                <c:pt idx="46">
                  <c:v>-0.429857612017428</c:v>
                </c:pt>
                <c:pt idx="47">
                  <c:v>-0.43962450517344642</c:v>
                </c:pt>
                <c:pt idx="48">
                  <c:v>-0.40602597443438115</c:v>
                </c:pt>
                <c:pt idx="49">
                  <c:v>-0.42002929134359024</c:v>
                </c:pt>
                <c:pt idx="50">
                  <c:v>-0.44037914077013096</c:v>
                </c:pt>
                <c:pt idx="51">
                  <c:v>-0.45187032884466627</c:v>
                </c:pt>
                <c:pt idx="52">
                  <c:v>-0.4564003261269417</c:v>
                </c:pt>
                <c:pt idx="53">
                  <c:v>-0.46410315551380699</c:v>
                </c:pt>
                <c:pt idx="54">
                  <c:v>-0.45050171276035034</c:v>
                </c:pt>
                <c:pt idx="55">
                  <c:v>-0.45314989727716803</c:v>
                </c:pt>
                <c:pt idx="56">
                  <c:v>-0.48110001363855726</c:v>
                </c:pt>
                <c:pt idx="57">
                  <c:v>-0.49469025137659506</c:v>
                </c:pt>
                <c:pt idx="58">
                  <c:v>-0.48103323114353014</c:v>
                </c:pt>
                <c:pt idx="59">
                  <c:v>-0.50359700370250704</c:v>
                </c:pt>
                <c:pt idx="60">
                  <c:v>-0.51659184653751988</c:v>
                </c:pt>
                <c:pt idx="61">
                  <c:v>-0.47338217918891845</c:v>
                </c:pt>
                <c:pt idx="62">
                  <c:v>-0.46385679224918319</c:v>
                </c:pt>
                <c:pt idx="63">
                  <c:v>-0.47668318477910698</c:v>
                </c:pt>
                <c:pt idx="64">
                  <c:v>-0.45608969899495144</c:v>
                </c:pt>
                <c:pt idx="65">
                  <c:v>-0.48744594694646204</c:v>
                </c:pt>
                <c:pt idx="66">
                  <c:v>-0.43761430289959036</c:v>
                </c:pt>
                <c:pt idx="67">
                  <c:v>-0.43878593976854952</c:v>
                </c:pt>
                <c:pt idx="68">
                  <c:v>-0.32714122441167126</c:v>
                </c:pt>
                <c:pt idx="69">
                  <c:v>-0.33868794286950532</c:v>
                </c:pt>
                <c:pt idx="70">
                  <c:v>-0.32069305696119255</c:v>
                </c:pt>
                <c:pt idx="71">
                  <c:v>-0.29048349338855339</c:v>
                </c:pt>
                <c:pt idx="72">
                  <c:v>-0.35248770137782792</c:v>
                </c:pt>
                <c:pt idx="73">
                  <c:v>-0.5161253203231051</c:v>
                </c:pt>
                <c:pt idx="74">
                  <c:v>-0.49308366890991961</c:v>
                </c:pt>
                <c:pt idx="75">
                  <c:v>-0.52874612436349311</c:v>
                </c:pt>
                <c:pt idx="76">
                  <c:v>-0.53515774171909181</c:v>
                </c:pt>
                <c:pt idx="77">
                  <c:v>-0.5466963793359938</c:v>
                </c:pt>
                <c:pt idx="78">
                  <c:v>-0.58797402691301426</c:v>
                </c:pt>
                <c:pt idx="79">
                  <c:v>-0.62456603162766666</c:v>
                </c:pt>
                <c:pt idx="80">
                  <c:v>-0.63642918676210836</c:v>
                </c:pt>
                <c:pt idx="81">
                  <c:v>-0.63980809766580626</c:v>
                </c:pt>
                <c:pt idx="82">
                  <c:v>-0.65824795614707898</c:v>
                </c:pt>
                <c:pt idx="83">
                  <c:v>-0.66882442172086376</c:v>
                </c:pt>
                <c:pt idx="84">
                  <c:v>-0.6664546501410488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C2E0-4210-90D1-B89C3BADA1DA}"/>
            </c:ext>
          </c:extLst>
        </c:ser>
        <c:ser>
          <c:idx val="6"/>
          <c:order val="6"/>
          <c:tx>
            <c:strRef>
              <c:f>China!$S$3</c:f>
              <c:strCache>
                <c:ptCount val="1"/>
                <c:pt idx="0">
                  <c:v>CMB Strategy 1</c:v>
                </c:pt>
              </c:strCache>
            </c:strRef>
          </c:tx>
          <c:spPr>
            <a:ln w="19050" cap="rnd">
              <a:solidFill>
                <a:schemeClr val="accent1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xVal>
            <c:numRef>
              <c:f>China!$S$5:$S$28</c:f>
              <c:numCache>
                <c:formatCode>m/d/yyyy</c:formatCode>
                <c:ptCount val="24"/>
                <c:pt idx="0">
                  <c:v>39043</c:v>
                </c:pt>
                <c:pt idx="1">
                  <c:v>39268</c:v>
                </c:pt>
                <c:pt idx="2">
                  <c:v>39528</c:v>
                </c:pt>
                <c:pt idx="3">
                  <c:v>39668</c:v>
                </c:pt>
                <c:pt idx="4">
                  <c:v>39867</c:v>
                </c:pt>
                <c:pt idx="5">
                  <c:v>40086</c:v>
                </c:pt>
                <c:pt idx="6">
                  <c:v>40128</c:v>
                </c:pt>
                <c:pt idx="7">
                  <c:v>40263</c:v>
                </c:pt>
                <c:pt idx="8">
                  <c:v>40396</c:v>
                </c:pt>
                <c:pt idx="9">
                  <c:v>40422</c:v>
                </c:pt>
                <c:pt idx="10">
                  <c:v>40568</c:v>
                </c:pt>
                <c:pt idx="11">
                  <c:v>40945</c:v>
                </c:pt>
                <c:pt idx="12">
                  <c:v>41212</c:v>
                </c:pt>
                <c:pt idx="13">
                  <c:v>41428</c:v>
                </c:pt>
                <c:pt idx="14">
                  <c:v>41544</c:v>
                </c:pt>
                <c:pt idx="15">
                  <c:v>41620</c:v>
                </c:pt>
                <c:pt idx="16">
                  <c:v>41666</c:v>
                </c:pt>
                <c:pt idx="17">
                  <c:v>41697</c:v>
                </c:pt>
                <c:pt idx="18">
                  <c:v>41997</c:v>
                </c:pt>
                <c:pt idx="19">
                  <c:v>42129</c:v>
                </c:pt>
                <c:pt idx="20">
                  <c:v>42174</c:v>
                </c:pt>
                <c:pt idx="21">
                  <c:v>42499</c:v>
                </c:pt>
                <c:pt idx="22">
                  <c:v>42536</c:v>
                </c:pt>
                <c:pt idx="23">
                  <c:v>42615</c:v>
                </c:pt>
              </c:numCache>
            </c:numRef>
          </c:xVal>
          <c:yVal>
            <c:numRef>
              <c:f>China!$T$5:$T$28</c:f>
              <c:numCache>
                <c:formatCode>General</c:formatCode>
                <c:ptCount val="24"/>
                <c:pt idx="0">
                  <c:v>0</c:v>
                </c:pt>
                <c:pt idx="1">
                  <c:v>-3.3877225011410328E-2</c:v>
                </c:pt>
                <c:pt idx="2">
                  <c:v>-5.3819736673249907E-2</c:v>
                </c:pt>
                <c:pt idx="3">
                  <c:v>-0.11475167824108068</c:v>
                </c:pt>
                <c:pt idx="4">
                  <c:v>-8.6339314432518632E-3</c:v>
                </c:pt>
                <c:pt idx="5">
                  <c:v>4.9641518404184293E-3</c:v>
                </c:pt>
                <c:pt idx="6">
                  <c:v>8.4413980407053169E-2</c:v>
                </c:pt>
                <c:pt idx="7">
                  <c:v>0.18986687845769423</c:v>
                </c:pt>
                <c:pt idx="8">
                  <c:v>0.19322956250648371</c:v>
                </c:pt>
                <c:pt idx="9">
                  <c:v>0.19763159596224877</c:v>
                </c:pt>
                <c:pt idx="10">
                  <c:v>0.13987162331489755</c:v>
                </c:pt>
                <c:pt idx="11">
                  <c:v>0.22257860564187126</c:v>
                </c:pt>
                <c:pt idx="12">
                  <c:v>0.17925454848263134</c:v>
                </c:pt>
                <c:pt idx="13">
                  <c:v>0.17075193406773859</c:v>
                </c:pt>
                <c:pt idx="14">
                  <c:v>0.17284785662633961</c:v>
                </c:pt>
                <c:pt idx="15">
                  <c:v>0.17177480277764223</c:v>
                </c:pt>
                <c:pt idx="16">
                  <c:v>0.16054014503289027</c:v>
                </c:pt>
                <c:pt idx="17">
                  <c:v>0.16988050837319535</c:v>
                </c:pt>
                <c:pt idx="18">
                  <c:v>0.56494773337106596</c:v>
                </c:pt>
                <c:pt idx="19">
                  <c:v>0.73496429144377995</c:v>
                </c:pt>
                <c:pt idx="20">
                  <c:v>0.62652902322854365</c:v>
                </c:pt>
                <c:pt idx="21">
                  <c:v>0.64941102589998878</c:v>
                </c:pt>
                <c:pt idx="22">
                  <c:v>0.65036005410821685</c:v>
                </c:pt>
                <c:pt idx="23">
                  <c:v>0.7666891582086816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C2E0-4210-90D1-B89C3BADA1DA}"/>
            </c:ext>
          </c:extLst>
        </c:ser>
        <c:ser>
          <c:idx val="7"/>
          <c:order val="7"/>
          <c:tx>
            <c:strRef>
              <c:f>China!$V$3</c:f>
              <c:strCache>
                <c:ptCount val="1"/>
                <c:pt idx="0">
                  <c:v>CMB Strategy 2</c:v>
                </c:pt>
              </c:strCache>
            </c:strRef>
          </c:tx>
          <c:spPr>
            <a:ln w="19050" cap="rnd">
              <a:solidFill>
                <a:schemeClr val="accent2">
                  <a:lumMod val="60000"/>
                </a:schemeClr>
              </a:solidFill>
              <a:prstDash val="lgDash"/>
              <a:round/>
            </a:ln>
            <a:effectLst/>
          </c:spPr>
          <c:marker>
            <c:symbol val="none"/>
          </c:marker>
          <c:xVal>
            <c:numRef>
              <c:f>China!$V$5:$V$85</c:f>
              <c:numCache>
                <c:formatCode>m/d/yyyy</c:formatCode>
                <c:ptCount val="81"/>
                <c:pt idx="0">
                  <c:v>39043</c:v>
                </c:pt>
                <c:pt idx="1">
                  <c:v>39189</c:v>
                </c:pt>
                <c:pt idx="2">
                  <c:v>39230</c:v>
                </c:pt>
                <c:pt idx="3">
                  <c:v>39324</c:v>
                </c:pt>
                <c:pt idx="4">
                  <c:v>39391</c:v>
                </c:pt>
                <c:pt idx="5">
                  <c:v>39470</c:v>
                </c:pt>
                <c:pt idx="6">
                  <c:v>39524</c:v>
                </c:pt>
                <c:pt idx="7">
                  <c:v>39561</c:v>
                </c:pt>
                <c:pt idx="8">
                  <c:v>39589</c:v>
                </c:pt>
                <c:pt idx="9">
                  <c:v>39660</c:v>
                </c:pt>
                <c:pt idx="10">
                  <c:v>39673</c:v>
                </c:pt>
                <c:pt idx="11">
                  <c:v>39714</c:v>
                </c:pt>
                <c:pt idx="12">
                  <c:v>39744</c:v>
                </c:pt>
                <c:pt idx="13">
                  <c:v>39812</c:v>
                </c:pt>
                <c:pt idx="14">
                  <c:v>39877</c:v>
                </c:pt>
                <c:pt idx="15">
                  <c:v>39904</c:v>
                </c:pt>
                <c:pt idx="16">
                  <c:v>39917</c:v>
                </c:pt>
                <c:pt idx="17">
                  <c:v>39932</c:v>
                </c:pt>
                <c:pt idx="18">
                  <c:v>39967</c:v>
                </c:pt>
                <c:pt idx="19">
                  <c:v>40009</c:v>
                </c:pt>
                <c:pt idx="20">
                  <c:v>40044</c:v>
                </c:pt>
                <c:pt idx="21">
                  <c:v>40100</c:v>
                </c:pt>
                <c:pt idx="22">
                  <c:v>40133</c:v>
                </c:pt>
                <c:pt idx="23">
                  <c:v>40154</c:v>
                </c:pt>
                <c:pt idx="24">
                  <c:v>40177</c:v>
                </c:pt>
                <c:pt idx="25">
                  <c:v>40205</c:v>
                </c:pt>
                <c:pt idx="26">
                  <c:v>40274</c:v>
                </c:pt>
                <c:pt idx="27">
                  <c:v>40298</c:v>
                </c:pt>
                <c:pt idx="28">
                  <c:v>40336</c:v>
                </c:pt>
                <c:pt idx="29">
                  <c:v>40414</c:v>
                </c:pt>
                <c:pt idx="30">
                  <c:v>40465</c:v>
                </c:pt>
                <c:pt idx="31">
                  <c:v>40498</c:v>
                </c:pt>
                <c:pt idx="32">
                  <c:v>40547</c:v>
                </c:pt>
                <c:pt idx="33">
                  <c:v>40584</c:v>
                </c:pt>
                <c:pt idx="34">
                  <c:v>40609</c:v>
                </c:pt>
                <c:pt idx="35">
                  <c:v>40626</c:v>
                </c:pt>
                <c:pt idx="36">
                  <c:v>40661</c:v>
                </c:pt>
                <c:pt idx="37">
                  <c:v>40690</c:v>
                </c:pt>
                <c:pt idx="38">
                  <c:v>40749</c:v>
                </c:pt>
                <c:pt idx="39">
                  <c:v>40806</c:v>
                </c:pt>
                <c:pt idx="40">
                  <c:v>40856</c:v>
                </c:pt>
                <c:pt idx="41">
                  <c:v>40910</c:v>
                </c:pt>
                <c:pt idx="42">
                  <c:v>40948</c:v>
                </c:pt>
                <c:pt idx="43">
                  <c:v>40980</c:v>
                </c:pt>
                <c:pt idx="44">
                  <c:v>41038</c:v>
                </c:pt>
                <c:pt idx="45">
                  <c:v>41079</c:v>
                </c:pt>
                <c:pt idx="46">
                  <c:v>41117</c:v>
                </c:pt>
                <c:pt idx="47">
                  <c:v>41152</c:v>
                </c:pt>
                <c:pt idx="48">
                  <c:v>41215</c:v>
                </c:pt>
                <c:pt idx="49">
                  <c:v>41240</c:v>
                </c:pt>
                <c:pt idx="50">
                  <c:v>41283</c:v>
                </c:pt>
                <c:pt idx="51">
                  <c:v>41332</c:v>
                </c:pt>
                <c:pt idx="52">
                  <c:v>41379</c:v>
                </c:pt>
                <c:pt idx="53">
                  <c:v>41439</c:v>
                </c:pt>
                <c:pt idx="54">
                  <c:v>41491</c:v>
                </c:pt>
                <c:pt idx="55">
                  <c:v>41513</c:v>
                </c:pt>
                <c:pt idx="56">
                  <c:v>41565</c:v>
                </c:pt>
                <c:pt idx="57">
                  <c:v>41597</c:v>
                </c:pt>
                <c:pt idx="58">
                  <c:v>41631</c:v>
                </c:pt>
                <c:pt idx="59">
                  <c:v>41712</c:v>
                </c:pt>
                <c:pt idx="60">
                  <c:v>41764</c:v>
                </c:pt>
                <c:pt idx="61">
                  <c:v>41824</c:v>
                </c:pt>
                <c:pt idx="62">
                  <c:v>41879</c:v>
                </c:pt>
                <c:pt idx="63">
                  <c:v>41926</c:v>
                </c:pt>
                <c:pt idx="64">
                  <c:v>41949</c:v>
                </c:pt>
                <c:pt idx="65">
                  <c:v>41983</c:v>
                </c:pt>
                <c:pt idx="66">
                  <c:v>42004</c:v>
                </c:pt>
                <c:pt idx="67">
                  <c:v>42039</c:v>
                </c:pt>
                <c:pt idx="68">
                  <c:v>42123</c:v>
                </c:pt>
                <c:pt idx="69">
                  <c:v>42149</c:v>
                </c:pt>
                <c:pt idx="70">
                  <c:v>42200</c:v>
                </c:pt>
                <c:pt idx="71">
                  <c:v>42229</c:v>
                </c:pt>
                <c:pt idx="72">
                  <c:v>42269</c:v>
                </c:pt>
                <c:pt idx="73">
                  <c:v>42305</c:v>
                </c:pt>
                <c:pt idx="74">
                  <c:v>42333</c:v>
                </c:pt>
                <c:pt idx="75">
                  <c:v>42353</c:v>
                </c:pt>
                <c:pt idx="76">
                  <c:v>42377</c:v>
                </c:pt>
                <c:pt idx="77">
                  <c:v>42474</c:v>
                </c:pt>
                <c:pt idx="78">
                  <c:v>42502</c:v>
                </c:pt>
                <c:pt idx="79">
                  <c:v>42564</c:v>
                </c:pt>
                <c:pt idx="80">
                  <c:v>42634</c:v>
                </c:pt>
              </c:numCache>
            </c:numRef>
          </c:xVal>
          <c:yVal>
            <c:numRef>
              <c:f>China!$W$5:$W$85</c:f>
              <c:numCache>
                <c:formatCode>General</c:formatCode>
                <c:ptCount val="81"/>
                <c:pt idx="0">
                  <c:v>0</c:v>
                </c:pt>
                <c:pt idx="1">
                  <c:v>0.15461729173058258</c:v>
                </c:pt>
                <c:pt idx="2">
                  <c:v>9.9995794426761098E-2</c:v>
                </c:pt>
                <c:pt idx="3">
                  <c:v>0.25171912723726031</c:v>
                </c:pt>
                <c:pt idx="4">
                  <c:v>0.50286813283744669</c:v>
                </c:pt>
                <c:pt idx="5">
                  <c:v>0.41034924824322161</c:v>
                </c:pt>
                <c:pt idx="6">
                  <c:v>0.2980198857290699</c:v>
                </c:pt>
                <c:pt idx="7">
                  <c:v>0.17451999522404882</c:v>
                </c:pt>
                <c:pt idx="8">
                  <c:v>6.9372605265459075E-2</c:v>
                </c:pt>
                <c:pt idx="9">
                  <c:v>7.2013899667171533E-2</c:v>
                </c:pt>
                <c:pt idx="10">
                  <c:v>5.6171584844929123E-2</c:v>
                </c:pt>
                <c:pt idx="11">
                  <c:v>-0.14059346608921808</c:v>
                </c:pt>
                <c:pt idx="12">
                  <c:v>-0.2533030363108858</c:v>
                </c:pt>
                <c:pt idx="13">
                  <c:v>-0.28830392954331774</c:v>
                </c:pt>
                <c:pt idx="14">
                  <c:v>-0.22075331025308376</c:v>
                </c:pt>
                <c:pt idx="15">
                  <c:v>-0.22304596383455511</c:v>
                </c:pt>
                <c:pt idx="16">
                  <c:v>-0.20301021595012192</c:v>
                </c:pt>
                <c:pt idx="17">
                  <c:v>-0.2052623348509085</c:v>
                </c:pt>
                <c:pt idx="18">
                  <c:v>-0.22715631424498883</c:v>
                </c:pt>
                <c:pt idx="19">
                  <c:v>-0.11338865971184608</c:v>
                </c:pt>
                <c:pt idx="20">
                  <c:v>-0.20186149165370038</c:v>
                </c:pt>
                <c:pt idx="21">
                  <c:v>-0.22206787309360476</c:v>
                </c:pt>
                <c:pt idx="22">
                  <c:v>-0.21071139938387762</c:v>
                </c:pt>
                <c:pt idx="23">
                  <c:v>-0.25322448661736718</c:v>
                </c:pt>
                <c:pt idx="24">
                  <c:v>-0.27273552249170219</c:v>
                </c:pt>
                <c:pt idx="25">
                  <c:v>-0.27098671791295847</c:v>
                </c:pt>
                <c:pt idx="26">
                  <c:v>-0.26745705348908189</c:v>
                </c:pt>
                <c:pt idx="27">
                  <c:v>-0.28593947699497602</c:v>
                </c:pt>
                <c:pt idx="28">
                  <c:v>-0.29834292186905231</c:v>
                </c:pt>
                <c:pt idx="29">
                  <c:v>-0.29227682461276239</c:v>
                </c:pt>
                <c:pt idx="30">
                  <c:v>-0.3237773415079811</c:v>
                </c:pt>
                <c:pt idx="31">
                  <c:v>-0.27113672867253569</c:v>
                </c:pt>
                <c:pt idx="32">
                  <c:v>-0.29101481789055739</c:v>
                </c:pt>
                <c:pt idx="33">
                  <c:v>-0.29319631075858632</c:v>
                </c:pt>
                <c:pt idx="34">
                  <c:v>-0.28665183215449908</c:v>
                </c:pt>
                <c:pt idx="35">
                  <c:v>-0.30800956173071159</c:v>
                </c:pt>
                <c:pt idx="36">
                  <c:v>-0.31006294582053151</c:v>
                </c:pt>
                <c:pt idx="37">
                  <c:v>-0.32032986626963067</c:v>
                </c:pt>
                <c:pt idx="38">
                  <c:v>-0.33327596405497106</c:v>
                </c:pt>
                <c:pt idx="39">
                  <c:v>-0.34003330225711659</c:v>
                </c:pt>
                <c:pt idx="40">
                  <c:v>-0.32892275179006469</c:v>
                </c:pt>
                <c:pt idx="41">
                  <c:v>-0.33584107393655893</c:v>
                </c:pt>
                <c:pt idx="42">
                  <c:v>-0.31082138836567585</c:v>
                </c:pt>
                <c:pt idx="43">
                  <c:v>-0.32429067719240534</c:v>
                </c:pt>
                <c:pt idx="44">
                  <c:v>-0.3153408848373378</c:v>
                </c:pt>
                <c:pt idx="45">
                  <c:v>-0.35413823469655525</c:v>
                </c:pt>
                <c:pt idx="46">
                  <c:v>-0.38620229396693895</c:v>
                </c:pt>
                <c:pt idx="47">
                  <c:v>-0.3839783892349351</c:v>
                </c:pt>
                <c:pt idx="48">
                  <c:v>-0.38622664328882228</c:v>
                </c:pt>
                <c:pt idx="49">
                  <c:v>-0.40140831642302111</c:v>
                </c:pt>
                <c:pt idx="50">
                  <c:v>-0.37611571007469813</c:v>
                </c:pt>
                <c:pt idx="51">
                  <c:v>-0.38846985442965454</c:v>
                </c:pt>
                <c:pt idx="52">
                  <c:v>-0.40082399878461106</c:v>
                </c:pt>
                <c:pt idx="53">
                  <c:v>-0.39462562635824494</c:v>
                </c:pt>
                <c:pt idx="54">
                  <c:v>-0.38302841613522276</c:v>
                </c:pt>
                <c:pt idx="55">
                  <c:v>-0.39227143611821569</c:v>
                </c:pt>
                <c:pt idx="56">
                  <c:v>-0.40719810259952272</c:v>
                </c:pt>
                <c:pt idx="57">
                  <c:v>-0.41560664015130255</c:v>
                </c:pt>
                <c:pt idx="58">
                  <c:v>-0.41767163435571497</c:v>
                </c:pt>
                <c:pt idx="59">
                  <c:v>-0.41999166768497498</c:v>
                </c:pt>
                <c:pt idx="60">
                  <c:v>-0.39944019134310405</c:v>
                </c:pt>
                <c:pt idx="61">
                  <c:v>-0.38131008391195242</c:v>
                </c:pt>
                <c:pt idx="62">
                  <c:v>-0.35001448504368537</c:v>
                </c:pt>
                <c:pt idx="63">
                  <c:v>-0.35715718301023824</c:v>
                </c:pt>
                <c:pt idx="64">
                  <c:v>-0.36195451746538576</c:v>
                </c:pt>
                <c:pt idx="65">
                  <c:v>-0.27484129660272616</c:v>
                </c:pt>
                <c:pt idx="66">
                  <c:v>-0.28922121423383351</c:v>
                </c:pt>
                <c:pt idx="67">
                  <c:v>-0.17104353660042282</c:v>
                </c:pt>
                <c:pt idx="68">
                  <c:v>-9.4400359935741807E-2</c:v>
                </c:pt>
                <c:pt idx="69">
                  <c:v>-0.12305857639347151</c:v>
                </c:pt>
                <c:pt idx="70">
                  <c:v>-0.11181573762928509</c:v>
                </c:pt>
                <c:pt idx="71">
                  <c:v>-0.20539229384334257</c:v>
                </c:pt>
                <c:pt idx="72">
                  <c:v>-0.29164301483494282</c:v>
                </c:pt>
                <c:pt idx="73">
                  <c:v>-0.32384105961517273</c:v>
                </c:pt>
                <c:pt idx="74">
                  <c:v>-0.3100418975665028</c:v>
                </c:pt>
                <c:pt idx="75">
                  <c:v>-0.30493109680773611</c:v>
                </c:pt>
                <c:pt idx="76">
                  <c:v>-0.29804922647909982</c:v>
                </c:pt>
                <c:pt idx="77">
                  <c:v>-0.26514528397030757</c:v>
                </c:pt>
                <c:pt idx="78">
                  <c:v>-0.28233486797100216</c:v>
                </c:pt>
                <c:pt idx="79">
                  <c:v>-0.25353966205625844</c:v>
                </c:pt>
                <c:pt idx="80">
                  <c:v>-0.276604447779239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C2E0-4210-90D1-B89C3BADA1D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49178512"/>
        <c:axId val="349177200"/>
      </c:scatterChart>
      <c:valAx>
        <c:axId val="349178512"/>
        <c:scaling>
          <c:orientation val="minMax"/>
          <c:max val="42700"/>
          <c:min val="390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m/d/yyyy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49177200"/>
        <c:crosses val="autoZero"/>
        <c:crossBetween val="midCat"/>
      </c:valAx>
      <c:valAx>
        <c:axId val="34917720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49178512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dobe 黑体 Std R" panose="020B0400000000000000" pitchFamily="34" charset="-128"/>
              <a:ea typeface="Adobe 黑体 Std R" panose="020B0400000000000000" pitchFamily="34" charset="-128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4.5716619028174803E-2"/>
          <c:y val="1.47384798422359E-2"/>
          <c:w val="0.89223356472029403"/>
          <c:h val="0.72468443462238896"/>
        </c:manualLayout>
      </c:layout>
      <c:scatterChart>
        <c:scatterStyle val="lineMarker"/>
        <c:varyColors val="0"/>
        <c:ser>
          <c:idx val="0"/>
          <c:order val="0"/>
          <c:tx>
            <c:strRef>
              <c:f>'Germany '!$L$3:$L$4</c:f>
              <c:strCache>
                <c:ptCount val="2"/>
                <c:pt idx="0">
                  <c:v>Daimler AG Strategy 1</c:v>
                </c:pt>
                <c:pt idx="1">
                  <c:v>Strategy1 return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Germany '!$K$5:$K$25</c:f>
              <c:numCache>
                <c:formatCode>m/d/yyyy</c:formatCode>
                <c:ptCount val="21"/>
                <c:pt idx="0">
                  <c:v>39043</c:v>
                </c:pt>
                <c:pt idx="1">
                  <c:v>39121</c:v>
                </c:pt>
                <c:pt idx="2">
                  <c:v>39184</c:v>
                </c:pt>
                <c:pt idx="3">
                  <c:v>39815</c:v>
                </c:pt>
                <c:pt idx="4">
                  <c:v>40035</c:v>
                </c:pt>
                <c:pt idx="5">
                  <c:v>40088</c:v>
                </c:pt>
                <c:pt idx="6">
                  <c:v>40116</c:v>
                </c:pt>
                <c:pt idx="7">
                  <c:v>40154</c:v>
                </c:pt>
                <c:pt idx="8">
                  <c:v>40358</c:v>
                </c:pt>
                <c:pt idx="9">
                  <c:v>40483</c:v>
                </c:pt>
                <c:pt idx="10">
                  <c:v>40534</c:v>
                </c:pt>
                <c:pt idx="11">
                  <c:v>40599</c:v>
                </c:pt>
                <c:pt idx="12">
                  <c:v>40848</c:v>
                </c:pt>
                <c:pt idx="13">
                  <c:v>40941</c:v>
                </c:pt>
                <c:pt idx="14">
                  <c:v>41113</c:v>
                </c:pt>
                <c:pt idx="15">
                  <c:v>41187</c:v>
                </c:pt>
                <c:pt idx="16">
                  <c:v>41283</c:v>
                </c:pt>
                <c:pt idx="17">
                  <c:v>41334</c:v>
                </c:pt>
                <c:pt idx="18">
                  <c:v>41589</c:v>
                </c:pt>
                <c:pt idx="19">
                  <c:v>41802</c:v>
                </c:pt>
                <c:pt idx="20">
                  <c:v>42349</c:v>
                </c:pt>
              </c:numCache>
            </c:numRef>
          </c:xVal>
          <c:yVal>
            <c:numRef>
              <c:f>'Germany '!$L$5:$L$25</c:f>
              <c:numCache>
                <c:formatCode>General</c:formatCode>
                <c:ptCount val="21"/>
                <c:pt idx="0">
                  <c:v>0</c:v>
                </c:pt>
                <c:pt idx="1">
                  <c:v>-9.6967196203837647E-3</c:v>
                </c:pt>
                <c:pt idx="2">
                  <c:v>6.8237358958786798E-2</c:v>
                </c:pt>
                <c:pt idx="3">
                  <c:v>0.15682289604317412</c:v>
                </c:pt>
                <c:pt idx="4">
                  <c:v>0.29228505899952517</c:v>
                </c:pt>
                <c:pt idx="5">
                  <c:v>0.23881770933624047</c:v>
                </c:pt>
                <c:pt idx="6">
                  <c:v>0.10235614861715758</c:v>
                </c:pt>
                <c:pt idx="7">
                  <c:v>0.1169375791544216</c:v>
                </c:pt>
                <c:pt idx="8">
                  <c:v>8.4364611182843774E-2</c:v>
                </c:pt>
                <c:pt idx="9">
                  <c:v>4.8076169676877001E-2</c:v>
                </c:pt>
                <c:pt idx="10">
                  <c:v>0.12223055377502412</c:v>
                </c:pt>
                <c:pt idx="11">
                  <c:v>8.8966642243786476E-2</c:v>
                </c:pt>
                <c:pt idx="12">
                  <c:v>2.2984880091541093E-3</c:v>
                </c:pt>
                <c:pt idx="13">
                  <c:v>0.21535409951226869</c:v>
                </c:pt>
                <c:pt idx="14">
                  <c:v>0.18100009029938846</c:v>
                </c:pt>
                <c:pt idx="15">
                  <c:v>0.20461702497100309</c:v>
                </c:pt>
                <c:pt idx="16">
                  <c:v>0.34738528159734638</c:v>
                </c:pt>
                <c:pt idx="17">
                  <c:v>0.36365660839704828</c:v>
                </c:pt>
                <c:pt idx="18">
                  <c:v>0.34094792216229308</c:v>
                </c:pt>
                <c:pt idx="19">
                  <c:v>0.33959849210836301</c:v>
                </c:pt>
                <c:pt idx="20">
                  <c:v>0.2068352905123989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32B-4739-9E15-D05E28F0185F}"/>
            </c:ext>
          </c:extLst>
        </c:ser>
        <c:ser>
          <c:idx val="1"/>
          <c:order val="1"/>
          <c:tx>
            <c:strRef>
              <c:f>'Germany '!$N$3:$N$4</c:f>
              <c:strCache>
                <c:ptCount val="2"/>
                <c:pt idx="0">
                  <c:v>Daimler AG Strategy 2</c:v>
                </c:pt>
                <c:pt idx="1">
                  <c:v>Strategy2 return</c:v>
                </c:pt>
              </c:strCache>
            </c:strRef>
          </c:tx>
          <c:spPr>
            <a:ln w="19050" cap="rnd">
              <a:solidFill>
                <a:schemeClr val="accent2"/>
              </a:solidFill>
              <a:prstDash val="lgDash"/>
              <a:round/>
            </a:ln>
            <a:effectLst/>
          </c:spPr>
          <c:marker>
            <c:symbol val="none"/>
          </c:marker>
          <c:xVal>
            <c:numRef>
              <c:f>'Germany '!$M$5:$M$92</c:f>
              <c:numCache>
                <c:formatCode>m/d/yyyy</c:formatCode>
                <c:ptCount val="88"/>
                <c:pt idx="0">
                  <c:v>39043</c:v>
                </c:pt>
                <c:pt idx="1">
                  <c:v>39121</c:v>
                </c:pt>
                <c:pt idx="2">
                  <c:v>39146</c:v>
                </c:pt>
                <c:pt idx="3">
                  <c:v>39184</c:v>
                </c:pt>
                <c:pt idx="4">
                  <c:v>39240</c:v>
                </c:pt>
                <c:pt idx="5">
                  <c:v>39267</c:v>
                </c:pt>
                <c:pt idx="6">
                  <c:v>39280</c:v>
                </c:pt>
                <c:pt idx="7">
                  <c:v>39344</c:v>
                </c:pt>
                <c:pt idx="8">
                  <c:v>39373</c:v>
                </c:pt>
                <c:pt idx="9">
                  <c:v>39436</c:v>
                </c:pt>
                <c:pt idx="10">
                  <c:v>39512</c:v>
                </c:pt>
                <c:pt idx="11">
                  <c:v>39552</c:v>
                </c:pt>
                <c:pt idx="12">
                  <c:v>39594</c:v>
                </c:pt>
                <c:pt idx="13">
                  <c:v>39632</c:v>
                </c:pt>
                <c:pt idx="14">
                  <c:v>39688</c:v>
                </c:pt>
                <c:pt idx="15">
                  <c:v>39700</c:v>
                </c:pt>
                <c:pt idx="16">
                  <c:v>39771</c:v>
                </c:pt>
                <c:pt idx="17">
                  <c:v>39815</c:v>
                </c:pt>
                <c:pt idx="18">
                  <c:v>39828</c:v>
                </c:pt>
                <c:pt idx="19">
                  <c:v>39868</c:v>
                </c:pt>
                <c:pt idx="20">
                  <c:v>39904</c:v>
                </c:pt>
                <c:pt idx="21">
                  <c:v>39938</c:v>
                </c:pt>
                <c:pt idx="22">
                  <c:v>39982</c:v>
                </c:pt>
                <c:pt idx="23">
                  <c:v>40035</c:v>
                </c:pt>
                <c:pt idx="24">
                  <c:v>40088</c:v>
                </c:pt>
                <c:pt idx="25">
                  <c:v>40116</c:v>
                </c:pt>
                <c:pt idx="26">
                  <c:v>40154</c:v>
                </c:pt>
                <c:pt idx="27">
                  <c:v>40186</c:v>
                </c:pt>
                <c:pt idx="28">
                  <c:v>40238</c:v>
                </c:pt>
                <c:pt idx="29">
                  <c:v>40242</c:v>
                </c:pt>
                <c:pt idx="30">
                  <c:v>40269</c:v>
                </c:pt>
                <c:pt idx="31">
                  <c:v>40304</c:v>
                </c:pt>
                <c:pt idx="32">
                  <c:v>40329</c:v>
                </c:pt>
                <c:pt idx="33">
                  <c:v>40358</c:v>
                </c:pt>
                <c:pt idx="34">
                  <c:v>40392</c:v>
                </c:pt>
                <c:pt idx="35">
                  <c:v>40451</c:v>
                </c:pt>
                <c:pt idx="36">
                  <c:v>40483</c:v>
                </c:pt>
                <c:pt idx="37">
                  <c:v>40534</c:v>
                </c:pt>
                <c:pt idx="38">
                  <c:v>40575</c:v>
                </c:pt>
                <c:pt idx="39">
                  <c:v>40599</c:v>
                </c:pt>
                <c:pt idx="40">
                  <c:v>40652</c:v>
                </c:pt>
                <c:pt idx="41">
                  <c:v>40676</c:v>
                </c:pt>
                <c:pt idx="42">
                  <c:v>40742</c:v>
                </c:pt>
                <c:pt idx="43">
                  <c:v>40821</c:v>
                </c:pt>
                <c:pt idx="44">
                  <c:v>40848</c:v>
                </c:pt>
                <c:pt idx="45">
                  <c:v>40898</c:v>
                </c:pt>
                <c:pt idx="46">
                  <c:v>40941</c:v>
                </c:pt>
                <c:pt idx="47">
                  <c:v>40998</c:v>
                </c:pt>
                <c:pt idx="48">
                  <c:v>41045</c:v>
                </c:pt>
                <c:pt idx="49">
                  <c:v>41072</c:v>
                </c:pt>
                <c:pt idx="50">
                  <c:v>41113</c:v>
                </c:pt>
                <c:pt idx="51">
                  <c:v>41137</c:v>
                </c:pt>
                <c:pt idx="52">
                  <c:v>41187</c:v>
                </c:pt>
                <c:pt idx="53">
                  <c:v>41213</c:v>
                </c:pt>
                <c:pt idx="54">
                  <c:v>41283</c:v>
                </c:pt>
                <c:pt idx="55">
                  <c:v>41334</c:v>
                </c:pt>
                <c:pt idx="56">
                  <c:v>41346</c:v>
                </c:pt>
                <c:pt idx="57">
                  <c:v>41424</c:v>
                </c:pt>
                <c:pt idx="58">
                  <c:v>41485</c:v>
                </c:pt>
                <c:pt idx="59">
                  <c:v>41513</c:v>
                </c:pt>
                <c:pt idx="60">
                  <c:v>41549</c:v>
                </c:pt>
                <c:pt idx="61">
                  <c:v>41589</c:v>
                </c:pt>
                <c:pt idx="62">
                  <c:v>41619</c:v>
                </c:pt>
                <c:pt idx="63">
                  <c:v>41666</c:v>
                </c:pt>
                <c:pt idx="64">
                  <c:v>41703</c:v>
                </c:pt>
                <c:pt idx="65">
                  <c:v>41745</c:v>
                </c:pt>
                <c:pt idx="66">
                  <c:v>41802</c:v>
                </c:pt>
                <c:pt idx="67">
                  <c:v>41894</c:v>
                </c:pt>
                <c:pt idx="68">
                  <c:v>41960</c:v>
                </c:pt>
                <c:pt idx="69">
                  <c:v>41988</c:v>
                </c:pt>
                <c:pt idx="70">
                  <c:v>42045</c:v>
                </c:pt>
                <c:pt idx="71">
                  <c:v>42087</c:v>
                </c:pt>
                <c:pt idx="72">
                  <c:v>42138</c:v>
                </c:pt>
                <c:pt idx="73">
                  <c:v>42159</c:v>
                </c:pt>
                <c:pt idx="74">
                  <c:v>42194</c:v>
                </c:pt>
                <c:pt idx="75">
                  <c:v>42220</c:v>
                </c:pt>
                <c:pt idx="76">
                  <c:v>42272</c:v>
                </c:pt>
                <c:pt idx="77">
                  <c:v>42312</c:v>
                </c:pt>
                <c:pt idx="78">
                  <c:v>42349</c:v>
                </c:pt>
                <c:pt idx="79">
                  <c:v>42377</c:v>
                </c:pt>
                <c:pt idx="80">
                  <c:v>42447</c:v>
                </c:pt>
                <c:pt idx="81">
                  <c:v>42464</c:v>
                </c:pt>
                <c:pt idx="82">
                  <c:v>42495</c:v>
                </c:pt>
                <c:pt idx="83">
                  <c:v>42535</c:v>
                </c:pt>
                <c:pt idx="84">
                  <c:v>42558</c:v>
                </c:pt>
                <c:pt idx="85">
                  <c:v>42587</c:v>
                </c:pt>
                <c:pt idx="86">
                  <c:v>42633</c:v>
                </c:pt>
                <c:pt idx="87">
                  <c:v>42668</c:v>
                </c:pt>
              </c:numCache>
            </c:numRef>
          </c:xVal>
          <c:yVal>
            <c:numRef>
              <c:f>'Germany '!$N$5:$N$92</c:f>
              <c:numCache>
                <c:formatCode>General</c:formatCode>
                <c:ptCount val="88"/>
                <c:pt idx="0">
                  <c:v>0</c:v>
                </c:pt>
                <c:pt idx="1">
                  <c:v>-1.3157894736842146E-2</c:v>
                </c:pt>
                <c:pt idx="2">
                  <c:v>-6.7838775148278851E-2</c:v>
                </c:pt>
                <c:pt idx="3">
                  <c:v>5.5196874412843933E-3</c:v>
                </c:pt>
                <c:pt idx="4">
                  <c:v>9.7967569303901492E-2</c:v>
                </c:pt>
                <c:pt idx="5">
                  <c:v>0.10787526482572662</c:v>
                </c:pt>
                <c:pt idx="6">
                  <c:v>9.1258733596728092E-2</c:v>
                </c:pt>
                <c:pt idx="7">
                  <c:v>0.1598946203581193</c:v>
                </c:pt>
                <c:pt idx="8">
                  <c:v>0.2106318000991525</c:v>
                </c:pt>
                <c:pt idx="9">
                  <c:v>0.12489251038434279</c:v>
                </c:pt>
                <c:pt idx="10">
                  <c:v>0.18513147591164247</c:v>
                </c:pt>
                <c:pt idx="11">
                  <c:v>5.9971924558992695E-2</c:v>
                </c:pt>
                <c:pt idx="12">
                  <c:v>2.8418880565373117E-2</c:v>
                </c:pt>
                <c:pt idx="13">
                  <c:v>-5.1427305813926072E-2</c:v>
                </c:pt>
                <c:pt idx="14">
                  <c:v>2.2035868715813978E-2</c:v>
                </c:pt>
                <c:pt idx="15">
                  <c:v>-2.5260599721351862E-2</c:v>
                </c:pt>
                <c:pt idx="16">
                  <c:v>-0.12715401310060603</c:v>
                </c:pt>
                <c:pt idx="17">
                  <c:v>7.9869644960239849E-2</c:v>
                </c:pt>
                <c:pt idx="18">
                  <c:v>-6.4899764637344148E-2</c:v>
                </c:pt>
                <c:pt idx="19">
                  <c:v>-0.29255157828197864</c:v>
                </c:pt>
                <c:pt idx="20">
                  <c:v>-0.37718696024093823</c:v>
                </c:pt>
                <c:pt idx="21">
                  <c:v>-0.29504528907336347</c:v>
                </c:pt>
                <c:pt idx="22">
                  <c:v>-0.36682754220816238</c:v>
                </c:pt>
                <c:pt idx="23">
                  <c:v>-0.15385135185999865</c:v>
                </c:pt>
                <c:pt idx="24">
                  <c:v>-0.16718752839177609</c:v>
                </c:pt>
                <c:pt idx="25">
                  <c:v>-0.26769174479532043</c:v>
                </c:pt>
                <c:pt idx="26">
                  <c:v>-0.25944869745352239</c:v>
                </c:pt>
                <c:pt idx="27">
                  <c:v>-0.25572075212097545</c:v>
                </c:pt>
                <c:pt idx="28">
                  <c:v>-0.30629101918620216</c:v>
                </c:pt>
                <c:pt idx="29">
                  <c:v>-0.28381875642744536</c:v>
                </c:pt>
                <c:pt idx="30">
                  <c:v>-0.23185710606827326</c:v>
                </c:pt>
                <c:pt idx="31">
                  <c:v>-0.27262776736157268</c:v>
                </c:pt>
                <c:pt idx="32">
                  <c:v>-0.23197884269442381</c:v>
                </c:pt>
                <c:pt idx="33">
                  <c:v>-0.24406501255187918</c:v>
                </c:pt>
                <c:pt idx="34">
                  <c:v>-0.2658759446316632</c:v>
                </c:pt>
                <c:pt idx="35">
                  <c:v>-0.15690511401772511</c:v>
                </c:pt>
                <c:pt idx="36">
                  <c:v>-0.18054891308412591</c:v>
                </c:pt>
                <c:pt idx="37">
                  <c:v>-0.12377922550404574</c:v>
                </c:pt>
                <c:pt idx="38">
                  <c:v>-0.15039899434902027</c:v>
                </c:pt>
                <c:pt idx="39">
                  <c:v>-0.18087363868990869</c:v>
                </c:pt>
                <c:pt idx="40">
                  <c:v>-0.13477409204564139</c:v>
                </c:pt>
                <c:pt idx="41">
                  <c:v>-0.13716327601237932</c:v>
                </c:pt>
                <c:pt idx="42">
                  <c:v>-5.655857143604115E-2</c:v>
                </c:pt>
                <c:pt idx="43">
                  <c:v>-0.13955502717963986</c:v>
                </c:pt>
                <c:pt idx="44">
                  <c:v>-0.16451633183049541</c:v>
                </c:pt>
                <c:pt idx="45">
                  <c:v>-0.15499657789033316</c:v>
                </c:pt>
                <c:pt idx="46">
                  <c:v>2.4623288819627609E-2</c:v>
                </c:pt>
                <c:pt idx="47">
                  <c:v>-1.6805287328125584E-2</c:v>
                </c:pt>
                <c:pt idx="48">
                  <c:v>-0.12086351816997998</c:v>
                </c:pt>
                <c:pt idx="49">
                  <c:v>-0.19133306533375294</c:v>
                </c:pt>
                <c:pt idx="50">
                  <c:v>-0.15974271174114518</c:v>
                </c:pt>
                <c:pt idx="51">
                  <c:v>-0.10470690295337071</c:v>
                </c:pt>
                <c:pt idx="52">
                  <c:v>-0.12170260056184923</c:v>
                </c:pt>
                <c:pt idx="53">
                  <c:v>-0.18114224081885666</c:v>
                </c:pt>
                <c:pt idx="54">
                  <c:v>-1.84050356258042E-2</c:v>
                </c:pt>
                <c:pt idx="55">
                  <c:v>-8.0896018187744945E-3</c:v>
                </c:pt>
                <c:pt idx="56">
                  <c:v>-3.0729648412495147E-2</c:v>
                </c:pt>
                <c:pt idx="57">
                  <c:v>0.15328952713950916</c:v>
                </c:pt>
                <c:pt idx="58">
                  <c:v>0.24540230110827199</c:v>
                </c:pt>
                <c:pt idx="59">
                  <c:v>0.18151260458504948</c:v>
                </c:pt>
                <c:pt idx="60">
                  <c:v>0.1864708669578492</c:v>
                </c:pt>
                <c:pt idx="61">
                  <c:v>0.16149046243138243</c:v>
                </c:pt>
                <c:pt idx="62">
                  <c:v>0.1255268815992181</c:v>
                </c:pt>
                <c:pt idx="63">
                  <c:v>0.11091196405509507</c:v>
                </c:pt>
                <c:pt idx="64">
                  <c:v>0.14274230237752139</c:v>
                </c:pt>
                <c:pt idx="65">
                  <c:v>8.8262533770224305E-2</c:v>
                </c:pt>
                <c:pt idx="66">
                  <c:v>0.13310403763399603</c:v>
                </c:pt>
                <c:pt idx="67">
                  <c:v>0.16951794013871213</c:v>
                </c:pt>
                <c:pt idx="68">
                  <c:v>0.22942643150439235</c:v>
                </c:pt>
                <c:pt idx="69">
                  <c:v>0.18307791605652879</c:v>
                </c:pt>
                <c:pt idx="70">
                  <c:v>0.40019708417177191</c:v>
                </c:pt>
                <c:pt idx="71">
                  <c:v>0.38888870615041826</c:v>
                </c:pt>
                <c:pt idx="72">
                  <c:v>0.39501212775776429</c:v>
                </c:pt>
                <c:pt idx="73">
                  <c:v>0.28973699561062283</c:v>
                </c:pt>
                <c:pt idx="74">
                  <c:v>0.20424024987899858</c:v>
                </c:pt>
                <c:pt idx="75">
                  <c:v>0.16644406477053608</c:v>
                </c:pt>
                <c:pt idx="76">
                  <c:v>7.2749845182194628E-2</c:v>
                </c:pt>
                <c:pt idx="77">
                  <c:v>0.13362854488836984</c:v>
                </c:pt>
                <c:pt idx="78">
                  <c:v>-1.5024394545140041E-3</c:v>
                </c:pt>
                <c:pt idx="79">
                  <c:v>-7.5399936806128665E-2</c:v>
                </c:pt>
                <c:pt idx="80">
                  <c:v>-2.6485424150074821E-2</c:v>
                </c:pt>
                <c:pt idx="81">
                  <c:v>-5.4952452715079314E-2</c:v>
                </c:pt>
                <c:pt idx="82">
                  <c:v>-0.11740776888347404</c:v>
                </c:pt>
                <c:pt idx="83">
                  <c:v>-0.19170350485834708</c:v>
                </c:pt>
                <c:pt idx="84">
                  <c:v>-0.22091185903381982</c:v>
                </c:pt>
                <c:pt idx="85">
                  <c:v>-0.16961667406276659</c:v>
                </c:pt>
                <c:pt idx="86">
                  <c:v>-0.18691632668645886</c:v>
                </c:pt>
                <c:pt idx="87">
                  <c:v>-0.1844021532995897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032B-4739-9E15-D05E28F0185F}"/>
            </c:ext>
          </c:extLst>
        </c:ser>
        <c:ser>
          <c:idx val="2"/>
          <c:order val="2"/>
          <c:tx>
            <c:strRef>
              <c:f>'Germany '!$Q$3:$Q$4</c:f>
              <c:strCache>
                <c:ptCount val="2"/>
                <c:pt idx="0">
                  <c:v>Deutsche Bank AG Strategy 1</c:v>
                </c:pt>
                <c:pt idx="1">
                  <c:v>Strategy1 return</c:v>
                </c:pt>
              </c:strCache>
            </c:strRef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xVal>
            <c:numRef>
              <c:f>'Germany '!$P$5:$P$32</c:f>
              <c:numCache>
                <c:formatCode>m/d/yyyy</c:formatCode>
                <c:ptCount val="28"/>
                <c:pt idx="0">
                  <c:v>39043</c:v>
                </c:pt>
                <c:pt idx="1">
                  <c:v>39125</c:v>
                </c:pt>
                <c:pt idx="2">
                  <c:v>39371</c:v>
                </c:pt>
                <c:pt idx="3">
                  <c:v>39433</c:v>
                </c:pt>
                <c:pt idx="4">
                  <c:v>39553</c:v>
                </c:pt>
                <c:pt idx="5">
                  <c:v>39906</c:v>
                </c:pt>
                <c:pt idx="6">
                  <c:v>39973</c:v>
                </c:pt>
                <c:pt idx="7">
                  <c:v>40087</c:v>
                </c:pt>
                <c:pt idx="8">
                  <c:v>40112</c:v>
                </c:pt>
                <c:pt idx="9">
                  <c:v>40267</c:v>
                </c:pt>
                <c:pt idx="10">
                  <c:v>40402</c:v>
                </c:pt>
                <c:pt idx="11">
                  <c:v>40578</c:v>
                </c:pt>
                <c:pt idx="12">
                  <c:v>40844</c:v>
                </c:pt>
                <c:pt idx="13">
                  <c:v>40948</c:v>
                </c:pt>
                <c:pt idx="14">
                  <c:v>40998</c:v>
                </c:pt>
                <c:pt idx="15">
                  <c:v>41177</c:v>
                </c:pt>
                <c:pt idx="16">
                  <c:v>41218</c:v>
                </c:pt>
                <c:pt idx="17">
                  <c:v>41262</c:v>
                </c:pt>
                <c:pt idx="18">
                  <c:v>41302</c:v>
                </c:pt>
                <c:pt idx="19">
                  <c:v>41359</c:v>
                </c:pt>
                <c:pt idx="20">
                  <c:v>41411</c:v>
                </c:pt>
                <c:pt idx="21">
                  <c:v>41578</c:v>
                </c:pt>
                <c:pt idx="22">
                  <c:v>41667</c:v>
                </c:pt>
                <c:pt idx="23">
                  <c:v>41957</c:v>
                </c:pt>
                <c:pt idx="24">
                  <c:v>42067</c:v>
                </c:pt>
                <c:pt idx="25">
                  <c:v>42220</c:v>
                </c:pt>
                <c:pt idx="26">
                  <c:v>42447</c:v>
                </c:pt>
                <c:pt idx="27">
                  <c:v>42628</c:v>
                </c:pt>
              </c:numCache>
            </c:numRef>
          </c:xVal>
          <c:yVal>
            <c:numRef>
              <c:f>'Germany '!$Q$5:$Q$31</c:f>
              <c:numCache>
                <c:formatCode>General</c:formatCode>
                <c:ptCount val="27"/>
                <c:pt idx="0">
                  <c:v>0</c:v>
                </c:pt>
                <c:pt idx="1">
                  <c:v>-4.3053245252011596E-4</c:v>
                </c:pt>
                <c:pt idx="2">
                  <c:v>-4.1061568932757253E-2</c:v>
                </c:pt>
                <c:pt idx="3">
                  <c:v>-5.9335552654962043E-2</c:v>
                </c:pt>
                <c:pt idx="4">
                  <c:v>-3.9415434753652723E-2</c:v>
                </c:pt>
                <c:pt idx="5">
                  <c:v>0.33977011814741309</c:v>
                </c:pt>
                <c:pt idx="6">
                  <c:v>0.36222442935586252</c:v>
                </c:pt>
                <c:pt idx="7">
                  <c:v>0.31452855999361051</c:v>
                </c:pt>
                <c:pt idx="8">
                  <c:v>0.20738988104745371</c:v>
                </c:pt>
                <c:pt idx="9">
                  <c:v>0.31331626537281632</c:v>
                </c:pt>
                <c:pt idx="10">
                  <c:v>0.45916784244172026</c:v>
                </c:pt>
                <c:pt idx="11">
                  <c:v>0.67368165108970479</c:v>
                </c:pt>
                <c:pt idx="12">
                  <c:v>0.46495781088533539</c:v>
                </c:pt>
                <c:pt idx="13">
                  <c:v>0.45473877371393789</c:v>
                </c:pt>
                <c:pt idx="14">
                  <c:v>0.4134494743284558</c:v>
                </c:pt>
                <c:pt idx="15">
                  <c:v>0.62487150605785224</c:v>
                </c:pt>
                <c:pt idx="16">
                  <c:v>0.68368538869907614</c:v>
                </c:pt>
                <c:pt idx="17">
                  <c:v>0.70654598096869914</c:v>
                </c:pt>
                <c:pt idx="18">
                  <c:v>0.79257526761003461</c:v>
                </c:pt>
                <c:pt idx="19">
                  <c:v>0.68032422746395715</c:v>
                </c:pt>
                <c:pt idx="20">
                  <c:v>0.6548386436530711</c:v>
                </c:pt>
                <c:pt idx="21">
                  <c:v>0.57749435541550698</c:v>
                </c:pt>
                <c:pt idx="22">
                  <c:v>0.58228629011778765</c:v>
                </c:pt>
                <c:pt idx="23">
                  <c:v>0.60847954289338624</c:v>
                </c:pt>
                <c:pt idx="24">
                  <c:v>0.58923704437394231</c:v>
                </c:pt>
                <c:pt idx="25">
                  <c:v>0.65482778891596771</c:v>
                </c:pt>
                <c:pt idx="26">
                  <c:v>0.620830382920281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032B-4739-9E15-D05E28F0185F}"/>
            </c:ext>
          </c:extLst>
        </c:ser>
        <c:ser>
          <c:idx val="15"/>
          <c:order val="3"/>
          <c:tx>
            <c:strRef>
              <c:f>'Germany '!$S$3:$S$4</c:f>
              <c:strCache>
                <c:ptCount val="2"/>
                <c:pt idx="0">
                  <c:v>Deutsche Bank AG Strategy 2</c:v>
                </c:pt>
                <c:pt idx="1">
                  <c:v>Strategy2 return</c:v>
                </c:pt>
              </c:strCache>
            </c:strRef>
          </c:tx>
          <c:spPr>
            <a:ln w="19050" cap="rnd">
              <a:solidFill>
                <a:schemeClr val="accent4">
                  <a:lumMod val="80000"/>
                  <a:lumOff val="20000"/>
                </a:schemeClr>
              </a:solidFill>
              <a:prstDash val="lgDash"/>
              <a:round/>
            </a:ln>
            <a:effectLst/>
          </c:spPr>
          <c:marker>
            <c:symbol val="none"/>
          </c:marker>
          <c:xVal>
            <c:numRef>
              <c:f>'Germany '!$R$5:$R$85</c:f>
              <c:numCache>
                <c:formatCode>m/d/yyyy</c:formatCode>
                <c:ptCount val="81"/>
                <c:pt idx="0">
                  <c:v>39043</c:v>
                </c:pt>
                <c:pt idx="1">
                  <c:v>39125</c:v>
                </c:pt>
                <c:pt idx="2">
                  <c:v>39205</c:v>
                </c:pt>
                <c:pt idx="3">
                  <c:v>39272</c:v>
                </c:pt>
                <c:pt idx="4">
                  <c:v>39283</c:v>
                </c:pt>
                <c:pt idx="5">
                  <c:v>39311</c:v>
                </c:pt>
                <c:pt idx="6">
                  <c:v>39315</c:v>
                </c:pt>
                <c:pt idx="7">
                  <c:v>39371</c:v>
                </c:pt>
                <c:pt idx="8">
                  <c:v>39401</c:v>
                </c:pt>
                <c:pt idx="9">
                  <c:v>39433</c:v>
                </c:pt>
                <c:pt idx="10">
                  <c:v>39461</c:v>
                </c:pt>
                <c:pt idx="11">
                  <c:v>39519</c:v>
                </c:pt>
                <c:pt idx="12">
                  <c:v>39553</c:v>
                </c:pt>
                <c:pt idx="13">
                  <c:v>39570</c:v>
                </c:pt>
                <c:pt idx="14">
                  <c:v>39671</c:v>
                </c:pt>
                <c:pt idx="15">
                  <c:v>39714</c:v>
                </c:pt>
                <c:pt idx="16">
                  <c:v>39771</c:v>
                </c:pt>
                <c:pt idx="17">
                  <c:v>39806</c:v>
                </c:pt>
                <c:pt idx="18">
                  <c:v>39868</c:v>
                </c:pt>
                <c:pt idx="19">
                  <c:v>39906</c:v>
                </c:pt>
                <c:pt idx="20">
                  <c:v>39930</c:v>
                </c:pt>
                <c:pt idx="21">
                  <c:v>39973</c:v>
                </c:pt>
                <c:pt idx="22">
                  <c:v>40024</c:v>
                </c:pt>
                <c:pt idx="23">
                  <c:v>40087</c:v>
                </c:pt>
                <c:pt idx="24">
                  <c:v>40112</c:v>
                </c:pt>
                <c:pt idx="25">
                  <c:v>40150</c:v>
                </c:pt>
                <c:pt idx="26">
                  <c:v>40197</c:v>
                </c:pt>
                <c:pt idx="27">
                  <c:v>40267</c:v>
                </c:pt>
                <c:pt idx="28">
                  <c:v>40360</c:v>
                </c:pt>
                <c:pt idx="29">
                  <c:v>40402</c:v>
                </c:pt>
                <c:pt idx="30">
                  <c:v>40443</c:v>
                </c:pt>
                <c:pt idx="31">
                  <c:v>40484</c:v>
                </c:pt>
                <c:pt idx="32">
                  <c:v>40547</c:v>
                </c:pt>
                <c:pt idx="33">
                  <c:v>40578</c:v>
                </c:pt>
                <c:pt idx="34">
                  <c:v>40652</c:v>
                </c:pt>
                <c:pt idx="35">
                  <c:v>40676</c:v>
                </c:pt>
                <c:pt idx="36">
                  <c:v>40735</c:v>
                </c:pt>
                <c:pt idx="37">
                  <c:v>40760</c:v>
                </c:pt>
                <c:pt idx="38">
                  <c:v>40801</c:v>
                </c:pt>
                <c:pt idx="39">
                  <c:v>40844</c:v>
                </c:pt>
                <c:pt idx="40">
                  <c:v>40855</c:v>
                </c:pt>
                <c:pt idx="41">
                  <c:v>40897</c:v>
                </c:pt>
                <c:pt idx="42">
                  <c:v>40948</c:v>
                </c:pt>
                <c:pt idx="43">
                  <c:v>40998</c:v>
                </c:pt>
                <c:pt idx="44">
                  <c:v>41039</c:v>
                </c:pt>
                <c:pt idx="45">
                  <c:v>41096</c:v>
                </c:pt>
                <c:pt idx="46">
                  <c:v>41177</c:v>
                </c:pt>
                <c:pt idx="47">
                  <c:v>41218</c:v>
                </c:pt>
                <c:pt idx="48">
                  <c:v>41262</c:v>
                </c:pt>
                <c:pt idx="49">
                  <c:v>41302</c:v>
                </c:pt>
                <c:pt idx="50">
                  <c:v>41359</c:v>
                </c:pt>
                <c:pt idx="51">
                  <c:v>41411</c:v>
                </c:pt>
                <c:pt idx="52">
                  <c:v>41444</c:v>
                </c:pt>
                <c:pt idx="53">
                  <c:v>41491</c:v>
                </c:pt>
                <c:pt idx="54">
                  <c:v>41544</c:v>
                </c:pt>
                <c:pt idx="55">
                  <c:v>41578</c:v>
                </c:pt>
                <c:pt idx="56">
                  <c:v>41624</c:v>
                </c:pt>
                <c:pt idx="57">
                  <c:v>41667</c:v>
                </c:pt>
                <c:pt idx="58">
                  <c:v>41705</c:v>
                </c:pt>
                <c:pt idx="59">
                  <c:v>41746</c:v>
                </c:pt>
                <c:pt idx="60">
                  <c:v>41765</c:v>
                </c:pt>
                <c:pt idx="61">
                  <c:v>41852</c:v>
                </c:pt>
                <c:pt idx="62">
                  <c:v>41898</c:v>
                </c:pt>
                <c:pt idx="63">
                  <c:v>41957</c:v>
                </c:pt>
                <c:pt idx="64">
                  <c:v>41985</c:v>
                </c:pt>
                <c:pt idx="65">
                  <c:v>42067</c:v>
                </c:pt>
                <c:pt idx="66">
                  <c:v>42104</c:v>
                </c:pt>
                <c:pt idx="67">
                  <c:v>42153</c:v>
                </c:pt>
                <c:pt idx="68">
                  <c:v>42184</c:v>
                </c:pt>
                <c:pt idx="69">
                  <c:v>42220</c:v>
                </c:pt>
                <c:pt idx="70">
                  <c:v>42275</c:v>
                </c:pt>
                <c:pt idx="71">
                  <c:v>42306</c:v>
                </c:pt>
                <c:pt idx="72">
                  <c:v>42354</c:v>
                </c:pt>
                <c:pt idx="73">
                  <c:v>42381</c:v>
                </c:pt>
                <c:pt idx="74">
                  <c:v>42447</c:v>
                </c:pt>
                <c:pt idx="75">
                  <c:v>42495</c:v>
                </c:pt>
                <c:pt idx="76">
                  <c:v>42531</c:v>
                </c:pt>
                <c:pt idx="77">
                  <c:v>42557</c:v>
                </c:pt>
                <c:pt idx="78">
                  <c:v>42585</c:v>
                </c:pt>
                <c:pt idx="79">
                  <c:v>42628</c:v>
                </c:pt>
                <c:pt idx="80">
                  <c:v>42675</c:v>
                </c:pt>
              </c:numCache>
            </c:numRef>
          </c:xVal>
          <c:yVal>
            <c:numRef>
              <c:f>'Germany '!$S$5:$S$92</c:f>
              <c:numCache>
                <c:formatCode>General</c:formatCode>
                <c:ptCount val="88"/>
                <c:pt idx="0">
                  <c:v>0</c:v>
                </c:pt>
                <c:pt idx="1">
                  <c:v>5.7035449939399907E-3</c:v>
                </c:pt>
                <c:pt idx="2">
                  <c:v>0.17718611350506364</c:v>
                </c:pt>
                <c:pt idx="3">
                  <c:v>0.12632732132605118</c:v>
                </c:pt>
                <c:pt idx="4">
                  <c:v>0.10562698054760911</c:v>
                </c:pt>
                <c:pt idx="5">
                  <c:v>9.8656903913129534E-2</c:v>
                </c:pt>
                <c:pt idx="6">
                  <c:v>0.10918131304496814</c:v>
                </c:pt>
                <c:pt idx="7">
                  <c:v>0.15900504112153491</c:v>
                </c:pt>
                <c:pt idx="8">
                  <c:v>0.15071106803852086</c:v>
                </c:pt>
                <c:pt idx="9">
                  <c:v>0.19634272403688224</c:v>
                </c:pt>
                <c:pt idx="10">
                  <c:v>0.1542226556752615</c:v>
                </c:pt>
                <c:pt idx="11">
                  <c:v>0.16689607422461239</c:v>
                </c:pt>
                <c:pt idx="12">
                  <c:v>0.20717214904997805</c:v>
                </c:pt>
                <c:pt idx="13">
                  <c:v>0.20371320300752704</c:v>
                </c:pt>
                <c:pt idx="14">
                  <c:v>0.24552919862719791</c:v>
                </c:pt>
                <c:pt idx="15">
                  <c:v>0.13519148840605344</c:v>
                </c:pt>
                <c:pt idx="16">
                  <c:v>-0.17761681666663443</c:v>
                </c:pt>
                <c:pt idx="17">
                  <c:v>-1.888274435270898E-2</c:v>
                </c:pt>
                <c:pt idx="18">
                  <c:v>-0.10351131542160019</c:v>
                </c:pt>
                <c:pt idx="19">
                  <c:v>0.36481230834054879</c:v>
                </c:pt>
                <c:pt idx="20">
                  <c:v>0.30109810491534272</c:v>
                </c:pt>
                <c:pt idx="21">
                  <c:v>0.32290427999326643</c:v>
                </c:pt>
                <c:pt idx="22">
                  <c:v>0.4830971190335871</c:v>
                </c:pt>
                <c:pt idx="23">
                  <c:v>0.54466280119608079</c:v>
                </c:pt>
                <c:pt idx="24">
                  <c:v>0.37245693888968634</c:v>
                </c:pt>
                <c:pt idx="25">
                  <c:v>0.3054991419377957</c:v>
                </c:pt>
                <c:pt idx="26">
                  <c:v>0.24547403509190358</c:v>
                </c:pt>
                <c:pt idx="27">
                  <c:v>0.54918422882026752</c:v>
                </c:pt>
                <c:pt idx="28">
                  <c:v>0.45421014526371284</c:v>
                </c:pt>
                <c:pt idx="29">
                  <c:v>0.52271294837086013</c:v>
                </c:pt>
                <c:pt idx="30">
                  <c:v>0.37828493002349872</c:v>
                </c:pt>
                <c:pt idx="31">
                  <c:v>0.41583433466472086</c:v>
                </c:pt>
                <c:pt idx="32">
                  <c:v>0.47120509304536129</c:v>
                </c:pt>
                <c:pt idx="33">
                  <c:v>0.68748851064272909</c:v>
                </c:pt>
                <c:pt idx="34">
                  <c:v>0.68229620927881784</c:v>
                </c:pt>
                <c:pt idx="35">
                  <c:v>0.55137200177494328</c:v>
                </c:pt>
                <c:pt idx="36">
                  <c:v>0.40169220060821109</c:v>
                </c:pt>
                <c:pt idx="37">
                  <c:v>0.10692124144524162</c:v>
                </c:pt>
                <c:pt idx="38">
                  <c:v>-4.8321100906646208E-2</c:v>
                </c:pt>
                <c:pt idx="39">
                  <c:v>0.25746720675739887</c:v>
                </c:pt>
                <c:pt idx="40">
                  <c:v>0.10702458022015082</c:v>
                </c:pt>
                <c:pt idx="41">
                  <c:v>3.2799823794009697E-2</c:v>
                </c:pt>
                <c:pt idx="42">
                  <c:v>8.4919266695267392E-2</c:v>
                </c:pt>
                <c:pt idx="43">
                  <c:v>0.15028137452767099</c:v>
                </c:pt>
                <c:pt idx="44">
                  <c:v>2.0375279375943744E-3</c:v>
                </c:pt>
                <c:pt idx="45">
                  <c:v>-8.5702233058632449E-2</c:v>
                </c:pt>
                <c:pt idx="46">
                  <c:v>0.2143591975505108</c:v>
                </c:pt>
                <c:pt idx="47">
                  <c:v>0.21015817104653012</c:v>
                </c:pt>
                <c:pt idx="48">
                  <c:v>0.23553643255970291</c:v>
                </c:pt>
                <c:pt idx="49">
                  <c:v>0.34256419433998664</c:v>
                </c:pt>
                <c:pt idx="50">
                  <c:v>0.19757951559118525</c:v>
                </c:pt>
                <c:pt idx="51">
                  <c:v>0.3619809716676774</c:v>
                </c:pt>
                <c:pt idx="52">
                  <c:v>0.27094879333399469</c:v>
                </c:pt>
                <c:pt idx="53">
                  <c:v>0.29065800728455171</c:v>
                </c:pt>
                <c:pt idx="54">
                  <c:v>0.34702890758905913</c:v>
                </c:pt>
                <c:pt idx="55">
                  <c:v>0.30141293168199157</c:v>
                </c:pt>
                <c:pt idx="56">
                  <c:v>0.27353350455798808</c:v>
                </c:pt>
                <c:pt idx="57">
                  <c:v>0.30623559936277389</c:v>
                </c:pt>
                <c:pt idx="58">
                  <c:v>0.25704568024751939</c:v>
                </c:pt>
                <c:pt idx="59">
                  <c:v>0.23769786011777438</c:v>
                </c:pt>
                <c:pt idx="60">
                  <c:v>0.19261432149200886</c:v>
                </c:pt>
                <c:pt idx="61">
                  <c:v>0.13357075244444583</c:v>
                </c:pt>
                <c:pt idx="62">
                  <c:v>0.19133664637099446</c:v>
                </c:pt>
                <c:pt idx="63">
                  <c:v>0.10367363575440969</c:v>
                </c:pt>
                <c:pt idx="64">
                  <c:v>1.8436071885376659E-2</c:v>
                </c:pt>
                <c:pt idx="65">
                  <c:v>8.4782568022219396E-2</c:v>
                </c:pt>
                <c:pt idx="66">
                  <c:v>7.8615526703161853E-2</c:v>
                </c:pt>
                <c:pt idx="67">
                  <c:v>-1.3827706348835012E-2</c:v>
                </c:pt>
                <c:pt idx="68">
                  <c:v>-7.1693025960918644E-2</c:v>
                </c:pt>
                <c:pt idx="69">
                  <c:v>-4.7933230468387378E-2</c:v>
                </c:pt>
                <c:pt idx="70">
                  <c:v>-0.12779240981555551</c:v>
                </c:pt>
                <c:pt idx="71">
                  <c:v>-0.16911373490583448</c:v>
                </c:pt>
                <c:pt idx="72">
                  <c:v>-0.2360633067935477</c:v>
                </c:pt>
                <c:pt idx="73">
                  <c:v>-0.31899976649027673</c:v>
                </c:pt>
                <c:pt idx="74">
                  <c:v>-0.15561284440634449</c:v>
                </c:pt>
                <c:pt idx="75">
                  <c:v>-0.17464811407857794</c:v>
                </c:pt>
                <c:pt idx="76">
                  <c:v>-0.30588131177806788</c:v>
                </c:pt>
                <c:pt idx="77">
                  <c:v>-0.37125122418430301</c:v>
                </c:pt>
                <c:pt idx="78">
                  <c:v>-0.44663136154820848</c:v>
                </c:pt>
                <c:pt idx="79">
                  <c:v>-0.47000197691589329</c:v>
                </c:pt>
                <c:pt idx="80">
                  <c:v>-0.4715562233178994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032B-4739-9E15-D05E28F0185F}"/>
            </c:ext>
          </c:extLst>
        </c:ser>
        <c:ser>
          <c:idx val="3"/>
          <c:order val="4"/>
          <c:tx>
            <c:strRef>
              <c:f>Germany!#REF!</c:f>
              <c:strCache>
                <c:ptCount val="1"/>
                <c:pt idx="0">
                  <c:v>#REF!</c:v>
                </c:pt>
              </c:strCache>
            </c:strRef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xVal>
            <c:numRef>
              <c:f>'Germany '!$U$5:$U$31</c:f>
              <c:numCache>
                <c:formatCode>m/d/yyyy</c:formatCode>
                <c:ptCount val="27"/>
                <c:pt idx="0">
                  <c:v>39043</c:v>
                </c:pt>
                <c:pt idx="1">
                  <c:v>39283</c:v>
                </c:pt>
                <c:pt idx="2">
                  <c:v>39359</c:v>
                </c:pt>
                <c:pt idx="3">
                  <c:v>39416</c:v>
                </c:pt>
                <c:pt idx="4">
                  <c:v>39811</c:v>
                </c:pt>
                <c:pt idx="5">
                  <c:v>39906</c:v>
                </c:pt>
                <c:pt idx="6">
                  <c:v>40042</c:v>
                </c:pt>
                <c:pt idx="7">
                  <c:v>40080</c:v>
                </c:pt>
                <c:pt idx="8">
                  <c:v>40119</c:v>
                </c:pt>
                <c:pt idx="9">
                  <c:v>40161</c:v>
                </c:pt>
                <c:pt idx="10">
                  <c:v>40262</c:v>
                </c:pt>
                <c:pt idx="11">
                  <c:v>40584</c:v>
                </c:pt>
                <c:pt idx="12">
                  <c:v>40644</c:v>
                </c:pt>
                <c:pt idx="13">
                  <c:v>40843</c:v>
                </c:pt>
                <c:pt idx="14">
                  <c:v>40967</c:v>
                </c:pt>
                <c:pt idx="15">
                  <c:v>41162</c:v>
                </c:pt>
                <c:pt idx="16">
                  <c:v>41396</c:v>
                </c:pt>
                <c:pt idx="17">
                  <c:v>41513</c:v>
                </c:pt>
                <c:pt idx="18">
                  <c:v>41779</c:v>
                </c:pt>
                <c:pt idx="19">
                  <c:v>41827</c:v>
                </c:pt>
                <c:pt idx="20">
                  <c:v>42011</c:v>
                </c:pt>
                <c:pt idx="21">
                  <c:v>42109</c:v>
                </c:pt>
                <c:pt idx="22">
                  <c:v>42193</c:v>
                </c:pt>
                <c:pt idx="23">
                  <c:v>42220</c:v>
                </c:pt>
                <c:pt idx="24">
                  <c:v>42349</c:v>
                </c:pt>
                <c:pt idx="25">
                  <c:v>42461</c:v>
                </c:pt>
                <c:pt idx="26">
                  <c:v>42607</c:v>
                </c:pt>
              </c:numCache>
            </c:numRef>
          </c:xVal>
          <c:yVal>
            <c:numRef>
              <c:f>'Germany '!$V$5:$V$31</c:f>
              <c:numCache>
                <c:formatCode>General</c:formatCode>
                <c:ptCount val="27"/>
                <c:pt idx="0">
                  <c:v>0</c:v>
                </c:pt>
                <c:pt idx="1">
                  <c:v>-2.8251599147121609E-2</c:v>
                </c:pt>
                <c:pt idx="2">
                  <c:v>-3.5765117710417016E-2</c:v>
                </c:pt>
                <c:pt idx="3">
                  <c:v>4.1203633215005864E-2</c:v>
                </c:pt>
                <c:pt idx="4">
                  <c:v>-1.8521240583178056E-2</c:v>
                </c:pt>
                <c:pt idx="5">
                  <c:v>-5.268548835691278E-3</c:v>
                </c:pt>
                <c:pt idx="6">
                  <c:v>1.2065134989829307E-3</c:v>
                </c:pt>
                <c:pt idx="7">
                  <c:v>-2.7460816880372274E-2</c:v>
                </c:pt>
                <c:pt idx="8">
                  <c:v>-7.1698078533819265E-2</c:v>
                </c:pt>
                <c:pt idx="9">
                  <c:v>-6.4206738212639558E-2</c:v>
                </c:pt>
                <c:pt idx="10">
                  <c:v>-8.032901912732815E-2</c:v>
                </c:pt>
                <c:pt idx="11">
                  <c:v>-1.2663353604259631E-2</c:v>
                </c:pt>
                <c:pt idx="12">
                  <c:v>0.18703105081713445</c:v>
                </c:pt>
                <c:pt idx="13">
                  <c:v>0.20227238606176523</c:v>
                </c:pt>
                <c:pt idx="14">
                  <c:v>0.21861593591477146</c:v>
                </c:pt>
                <c:pt idx="15">
                  <c:v>0.27159923747628323</c:v>
                </c:pt>
                <c:pt idx="16">
                  <c:v>0.3104013066233362</c:v>
                </c:pt>
                <c:pt idx="17">
                  <c:v>0.35500167524422754</c:v>
                </c:pt>
                <c:pt idx="18">
                  <c:v>0.36713601860462353</c:v>
                </c:pt>
                <c:pt idx="19">
                  <c:v>0.33369413579658946</c:v>
                </c:pt>
                <c:pt idx="20">
                  <c:v>0.29988693336828565</c:v>
                </c:pt>
                <c:pt idx="21">
                  <c:v>0.2859843305523504</c:v>
                </c:pt>
                <c:pt idx="22">
                  <c:v>0.15639992922615509</c:v>
                </c:pt>
                <c:pt idx="23">
                  <c:v>0.18460473988329285</c:v>
                </c:pt>
                <c:pt idx="24">
                  <c:v>0.12127071669258793</c:v>
                </c:pt>
                <c:pt idx="25">
                  <c:v>0.10491092389736978</c:v>
                </c:pt>
                <c:pt idx="26">
                  <c:v>7.1332720858474863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032B-4739-9E15-D05E28F0185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-1185854992"/>
        <c:axId val="-1190681376"/>
      </c:scatterChart>
      <c:valAx>
        <c:axId val="-11858549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m/d/yyyy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1190681376"/>
        <c:crosses val="autoZero"/>
        <c:crossBetween val="midCat"/>
      </c:valAx>
      <c:valAx>
        <c:axId val="-11906813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1185854992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US '!$B$3:$B$4</c:f>
              <c:strCache>
                <c:ptCount val="2"/>
                <c:pt idx="0">
                  <c:v>apple</c:v>
                </c:pt>
                <c:pt idx="1">
                  <c:v>Strategy1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US '!$A$5:$A$28</c:f>
              <c:numCache>
                <c:formatCode>m/d/yyyy</c:formatCode>
                <c:ptCount val="24"/>
                <c:pt idx="0">
                  <c:v>39043</c:v>
                </c:pt>
                <c:pt idx="1">
                  <c:v>39181</c:v>
                </c:pt>
                <c:pt idx="2">
                  <c:v>39394</c:v>
                </c:pt>
                <c:pt idx="3">
                  <c:v>39552</c:v>
                </c:pt>
                <c:pt idx="4">
                  <c:v>39840</c:v>
                </c:pt>
                <c:pt idx="5">
                  <c:v>39867</c:v>
                </c:pt>
                <c:pt idx="6">
                  <c:v>39982</c:v>
                </c:pt>
                <c:pt idx="7">
                  <c:v>40036</c:v>
                </c:pt>
                <c:pt idx="8">
                  <c:v>40091</c:v>
                </c:pt>
                <c:pt idx="9">
                  <c:v>40149</c:v>
                </c:pt>
                <c:pt idx="10">
                  <c:v>40262</c:v>
                </c:pt>
                <c:pt idx="11">
                  <c:v>40360</c:v>
                </c:pt>
                <c:pt idx="12">
                  <c:v>40483</c:v>
                </c:pt>
                <c:pt idx="13">
                  <c:v>40535</c:v>
                </c:pt>
                <c:pt idx="14">
                  <c:v>41085</c:v>
                </c:pt>
                <c:pt idx="15">
                  <c:v>41114</c:v>
                </c:pt>
                <c:pt idx="16">
                  <c:v>41157</c:v>
                </c:pt>
                <c:pt idx="17">
                  <c:v>41337</c:v>
                </c:pt>
                <c:pt idx="18">
                  <c:v>41584</c:v>
                </c:pt>
                <c:pt idx="19">
                  <c:v>41737</c:v>
                </c:pt>
                <c:pt idx="20">
                  <c:v>41890</c:v>
                </c:pt>
                <c:pt idx="21">
                  <c:v>42065</c:v>
                </c:pt>
                <c:pt idx="22">
                  <c:v>42130</c:v>
                </c:pt>
                <c:pt idx="23">
                  <c:v>42452</c:v>
                </c:pt>
              </c:numCache>
            </c:numRef>
          </c:xVal>
          <c:yVal>
            <c:numRef>
              <c:f>'US '!$B$5:$B$28</c:f>
              <c:numCache>
                <c:formatCode>General</c:formatCode>
                <c:ptCount val="24"/>
                <c:pt idx="0">
                  <c:v>0</c:v>
                </c:pt>
                <c:pt idx="1">
                  <c:v>2.7652780830041301E-2</c:v>
                </c:pt>
                <c:pt idx="2">
                  <c:v>-5.0685785123137261E-2</c:v>
                </c:pt>
                <c:pt idx="3">
                  <c:v>-3.2885266168945382E-2</c:v>
                </c:pt>
                <c:pt idx="4">
                  <c:v>-3.1283697210857886E-2</c:v>
                </c:pt>
                <c:pt idx="5">
                  <c:v>-0.17832522650270333</c:v>
                </c:pt>
                <c:pt idx="6">
                  <c:v>-0.20788101197777342</c:v>
                </c:pt>
                <c:pt idx="7">
                  <c:v>-0.18273513301554722</c:v>
                </c:pt>
                <c:pt idx="8">
                  <c:v>-0.17385281609444647</c:v>
                </c:pt>
                <c:pt idx="9">
                  <c:v>-0.21257593347606973</c:v>
                </c:pt>
                <c:pt idx="10">
                  <c:v>-0.14546487932437446</c:v>
                </c:pt>
                <c:pt idx="11">
                  <c:v>-0.20384366125534636</c:v>
                </c:pt>
                <c:pt idx="12">
                  <c:v>-0.21585664086498535</c:v>
                </c:pt>
                <c:pt idx="13">
                  <c:v>-0.20952990258323667</c:v>
                </c:pt>
                <c:pt idx="14">
                  <c:v>-0.22491559034163067</c:v>
                </c:pt>
                <c:pt idx="15">
                  <c:v>-0.23637782750285607</c:v>
                </c:pt>
                <c:pt idx="16">
                  <c:v>-0.18868391553259201</c:v>
                </c:pt>
                <c:pt idx="17">
                  <c:v>-0.20832276058044097</c:v>
                </c:pt>
                <c:pt idx="18">
                  <c:v>-0.20899090905126627</c:v>
                </c:pt>
                <c:pt idx="19">
                  <c:v>-0.2368522312005491</c:v>
                </c:pt>
                <c:pt idx="20">
                  <c:v>-0.26075226942077978</c:v>
                </c:pt>
                <c:pt idx="21">
                  <c:v>-0.19739709858473664</c:v>
                </c:pt>
                <c:pt idx="22">
                  <c:v>-0.22986343965870104</c:v>
                </c:pt>
                <c:pt idx="23">
                  <c:v>-0.186963178636733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DFB-4C98-9B81-D17737F3BEC1}"/>
            </c:ext>
          </c:extLst>
        </c:ser>
        <c:ser>
          <c:idx val="1"/>
          <c:order val="1"/>
          <c:tx>
            <c:strRef>
              <c:f>'US '!$D$3:$D$4</c:f>
              <c:strCache>
                <c:ptCount val="2"/>
                <c:pt idx="0">
                  <c:v>apple</c:v>
                </c:pt>
                <c:pt idx="1">
                  <c:v>Strategy2</c:v>
                </c:pt>
              </c:strCache>
            </c:strRef>
          </c:tx>
          <c:spPr>
            <a:ln w="19050" cap="rnd">
              <a:solidFill>
                <a:schemeClr val="accent2"/>
              </a:solidFill>
              <a:prstDash val="lgDash"/>
              <a:round/>
            </a:ln>
            <a:effectLst/>
          </c:spPr>
          <c:marker>
            <c:symbol val="none"/>
          </c:marker>
          <c:xVal>
            <c:numRef>
              <c:f>'US '!$C$5:$C$90</c:f>
              <c:numCache>
                <c:formatCode>m/d/yyyy</c:formatCode>
                <c:ptCount val="86"/>
                <c:pt idx="0">
                  <c:v>39043</c:v>
                </c:pt>
                <c:pt idx="1">
                  <c:v>39153</c:v>
                </c:pt>
                <c:pt idx="2">
                  <c:v>39181</c:v>
                </c:pt>
                <c:pt idx="3">
                  <c:v>39226</c:v>
                </c:pt>
                <c:pt idx="4">
                  <c:v>39246</c:v>
                </c:pt>
                <c:pt idx="5">
                  <c:v>39294</c:v>
                </c:pt>
                <c:pt idx="6">
                  <c:v>39345</c:v>
                </c:pt>
                <c:pt idx="7">
                  <c:v>39373</c:v>
                </c:pt>
                <c:pt idx="8">
                  <c:v>39394</c:v>
                </c:pt>
                <c:pt idx="9">
                  <c:v>39436</c:v>
                </c:pt>
                <c:pt idx="10">
                  <c:v>39552</c:v>
                </c:pt>
                <c:pt idx="11">
                  <c:v>39587</c:v>
                </c:pt>
                <c:pt idx="12">
                  <c:v>39653</c:v>
                </c:pt>
                <c:pt idx="13">
                  <c:v>39689</c:v>
                </c:pt>
                <c:pt idx="14">
                  <c:v>39765</c:v>
                </c:pt>
                <c:pt idx="15">
                  <c:v>39805</c:v>
                </c:pt>
                <c:pt idx="16">
                  <c:v>39840</c:v>
                </c:pt>
                <c:pt idx="17">
                  <c:v>39867</c:v>
                </c:pt>
                <c:pt idx="18">
                  <c:v>39917</c:v>
                </c:pt>
                <c:pt idx="19">
                  <c:v>39982</c:v>
                </c:pt>
                <c:pt idx="20">
                  <c:v>40036</c:v>
                </c:pt>
                <c:pt idx="21">
                  <c:v>40091</c:v>
                </c:pt>
                <c:pt idx="22">
                  <c:v>40119</c:v>
                </c:pt>
                <c:pt idx="23">
                  <c:v>40149</c:v>
                </c:pt>
                <c:pt idx="24">
                  <c:v>40192</c:v>
                </c:pt>
                <c:pt idx="25">
                  <c:v>40262</c:v>
                </c:pt>
                <c:pt idx="26">
                  <c:v>40304</c:v>
                </c:pt>
                <c:pt idx="27">
                  <c:v>40360</c:v>
                </c:pt>
                <c:pt idx="28">
                  <c:v>40401</c:v>
                </c:pt>
                <c:pt idx="29">
                  <c:v>40455</c:v>
                </c:pt>
                <c:pt idx="30">
                  <c:v>40483</c:v>
                </c:pt>
                <c:pt idx="31">
                  <c:v>40535</c:v>
                </c:pt>
                <c:pt idx="32">
                  <c:v>40568</c:v>
                </c:pt>
                <c:pt idx="33">
                  <c:v>40599</c:v>
                </c:pt>
                <c:pt idx="34">
                  <c:v>40618</c:v>
                </c:pt>
                <c:pt idx="35">
                  <c:v>40646</c:v>
                </c:pt>
                <c:pt idx="36">
                  <c:v>40676</c:v>
                </c:pt>
                <c:pt idx="37">
                  <c:v>40710</c:v>
                </c:pt>
                <c:pt idx="38">
                  <c:v>40759</c:v>
                </c:pt>
                <c:pt idx="39">
                  <c:v>40816</c:v>
                </c:pt>
                <c:pt idx="40">
                  <c:v>40849</c:v>
                </c:pt>
                <c:pt idx="41">
                  <c:v>40906</c:v>
                </c:pt>
                <c:pt idx="42">
                  <c:v>40932</c:v>
                </c:pt>
                <c:pt idx="43">
                  <c:v>40969</c:v>
                </c:pt>
                <c:pt idx="44">
                  <c:v>41001</c:v>
                </c:pt>
                <c:pt idx="45">
                  <c:v>41044</c:v>
                </c:pt>
                <c:pt idx="46">
                  <c:v>41085</c:v>
                </c:pt>
                <c:pt idx="47">
                  <c:v>41114</c:v>
                </c:pt>
                <c:pt idx="48">
                  <c:v>41157</c:v>
                </c:pt>
                <c:pt idx="49">
                  <c:v>41218</c:v>
                </c:pt>
                <c:pt idx="50">
                  <c:v>41256</c:v>
                </c:pt>
                <c:pt idx="51">
                  <c:v>41292</c:v>
                </c:pt>
                <c:pt idx="52">
                  <c:v>41337</c:v>
                </c:pt>
                <c:pt idx="53">
                  <c:v>41369</c:v>
                </c:pt>
                <c:pt idx="54">
                  <c:v>41415</c:v>
                </c:pt>
                <c:pt idx="55">
                  <c:v>41442</c:v>
                </c:pt>
                <c:pt idx="56">
                  <c:v>41515</c:v>
                </c:pt>
                <c:pt idx="57">
                  <c:v>41584</c:v>
                </c:pt>
                <c:pt idx="58">
                  <c:v>41626</c:v>
                </c:pt>
                <c:pt idx="59">
                  <c:v>41669</c:v>
                </c:pt>
                <c:pt idx="60">
                  <c:v>41704</c:v>
                </c:pt>
                <c:pt idx="61">
                  <c:v>41737</c:v>
                </c:pt>
                <c:pt idx="62">
                  <c:v>41774</c:v>
                </c:pt>
                <c:pt idx="63">
                  <c:v>41799</c:v>
                </c:pt>
                <c:pt idx="64">
                  <c:v>41845</c:v>
                </c:pt>
                <c:pt idx="65">
                  <c:v>41890</c:v>
                </c:pt>
                <c:pt idx="66">
                  <c:v>41913</c:v>
                </c:pt>
                <c:pt idx="67">
                  <c:v>41962</c:v>
                </c:pt>
                <c:pt idx="68">
                  <c:v>41975</c:v>
                </c:pt>
                <c:pt idx="69">
                  <c:v>42019</c:v>
                </c:pt>
                <c:pt idx="70">
                  <c:v>42065</c:v>
                </c:pt>
                <c:pt idx="71">
                  <c:v>42130</c:v>
                </c:pt>
                <c:pt idx="72">
                  <c:v>42164</c:v>
                </c:pt>
                <c:pt idx="73">
                  <c:v>42194</c:v>
                </c:pt>
                <c:pt idx="74">
                  <c:v>42219</c:v>
                </c:pt>
                <c:pt idx="75">
                  <c:v>42277</c:v>
                </c:pt>
                <c:pt idx="76">
                  <c:v>42320</c:v>
                </c:pt>
                <c:pt idx="77">
                  <c:v>42352</c:v>
                </c:pt>
                <c:pt idx="78">
                  <c:v>42452</c:v>
                </c:pt>
                <c:pt idx="79">
                  <c:v>42457</c:v>
                </c:pt>
                <c:pt idx="80">
                  <c:v>42464</c:v>
                </c:pt>
                <c:pt idx="81">
                  <c:v>42474</c:v>
                </c:pt>
                <c:pt idx="82">
                  <c:v>42535</c:v>
                </c:pt>
                <c:pt idx="83">
                  <c:v>42600</c:v>
                </c:pt>
                <c:pt idx="84">
                  <c:v>42647</c:v>
                </c:pt>
                <c:pt idx="85">
                  <c:v>42671</c:v>
                </c:pt>
              </c:numCache>
            </c:numRef>
          </c:xVal>
          <c:yVal>
            <c:numRef>
              <c:f>'US '!$D$5:$D$90</c:f>
              <c:numCache>
                <c:formatCode>General</c:formatCode>
                <c:ptCount val="86"/>
                <c:pt idx="0">
                  <c:v>0</c:v>
                </c:pt>
                <c:pt idx="1">
                  <c:v>5.9412967811068862E-2</c:v>
                </c:pt>
                <c:pt idx="2">
                  <c:v>0.1074229756389844</c:v>
                </c:pt>
                <c:pt idx="3">
                  <c:v>0.22826297217382052</c:v>
                </c:pt>
                <c:pt idx="4">
                  <c:v>0.17649712149680652</c:v>
                </c:pt>
                <c:pt idx="5">
                  <c:v>0.18940574878378325</c:v>
                </c:pt>
                <c:pt idx="6">
                  <c:v>0.26189427994703385</c:v>
                </c:pt>
                <c:pt idx="7">
                  <c:v>0.4170787571283725</c:v>
                </c:pt>
                <c:pt idx="8">
                  <c:v>0.32970488363801365</c:v>
                </c:pt>
                <c:pt idx="9">
                  <c:v>0.35077351612643759</c:v>
                </c:pt>
                <c:pt idx="10">
                  <c:v>0.59082973682023243</c:v>
                </c:pt>
                <c:pt idx="11">
                  <c:v>0.66853089539659827</c:v>
                </c:pt>
                <c:pt idx="12">
                  <c:v>0.47784162843659961</c:v>
                </c:pt>
                <c:pt idx="13">
                  <c:v>0.44352669129297517</c:v>
                </c:pt>
                <c:pt idx="14">
                  <c:v>0.42127322759075403</c:v>
                </c:pt>
                <c:pt idx="15">
                  <c:v>0.3430650781245741</c:v>
                </c:pt>
                <c:pt idx="16">
                  <c:v>0.34528923133263745</c:v>
                </c:pt>
                <c:pt idx="17">
                  <c:v>0.2577731319079053</c:v>
                </c:pt>
                <c:pt idx="18">
                  <c:v>0.55120544429983798</c:v>
                </c:pt>
                <c:pt idx="19">
                  <c:v>0.51257837994555655</c:v>
                </c:pt>
                <c:pt idx="20">
                  <c:v>0.77803299136221327</c:v>
                </c:pt>
                <c:pt idx="21">
                  <c:v>0.9126217764380693</c:v>
                </c:pt>
                <c:pt idx="22">
                  <c:v>0.76692567808929102</c:v>
                </c:pt>
                <c:pt idx="23">
                  <c:v>0.67499438645448673</c:v>
                </c:pt>
                <c:pt idx="24">
                  <c:v>0.75081884532965715</c:v>
                </c:pt>
                <c:pt idx="25">
                  <c:v>0.9509493047829447</c:v>
                </c:pt>
                <c:pt idx="26">
                  <c:v>0.98169050442945904</c:v>
                </c:pt>
                <c:pt idx="27">
                  <c:v>0.88785972765752619</c:v>
                </c:pt>
                <c:pt idx="28">
                  <c:v>0.82350252248774924</c:v>
                </c:pt>
                <c:pt idx="29">
                  <c:v>1.0149135650799002</c:v>
                </c:pt>
                <c:pt idx="30">
                  <c:v>0.98034316457290394</c:v>
                </c:pt>
                <c:pt idx="31">
                  <c:v>1.0187722524624458</c:v>
                </c:pt>
                <c:pt idx="32">
                  <c:v>1.063499432020842</c:v>
                </c:pt>
                <c:pt idx="33">
                  <c:v>1.0058855956859225</c:v>
                </c:pt>
                <c:pt idx="34">
                  <c:v>0.87227719091212275</c:v>
                </c:pt>
                <c:pt idx="35">
                  <c:v>0.82646998206492395</c:v>
                </c:pt>
                <c:pt idx="36">
                  <c:v>0.77476457918948949</c:v>
                </c:pt>
                <c:pt idx="37">
                  <c:v>0.66738645298357646</c:v>
                </c:pt>
                <c:pt idx="38">
                  <c:v>0.88367143797743619</c:v>
                </c:pt>
                <c:pt idx="39">
                  <c:v>0.87257311755125122</c:v>
                </c:pt>
                <c:pt idx="40">
                  <c:v>0.76245569737885233</c:v>
                </c:pt>
                <c:pt idx="41">
                  <c:v>0.83219415608703229</c:v>
                </c:pt>
                <c:pt idx="42">
                  <c:v>0.90190797586207583</c:v>
                </c:pt>
                <c:pt idx="43">
                  <c:v>1.2699573056952014</c:v>
                </c:pt>
                <c:pt idx="44">
                  <c:v>1.3174199130307072</c:v>
                </c:pt>
                <c:pt idx="45">
                  <c:v>1.2522349707175455</c:v>
                </c:pt>
                <c:pt idx="46">
                  <c:v>1.2530641047527964</c:v>
                </c:pt>
                <c:pt idx="47">
                  <c:v>1.2197449529464746</c:v>
                </c:pt>
                <c:pt idx="48">
                  <c:v>1.3930186982559758</c:v>
                </c:pt>
                <c:pt idx="49">
                  <c:v>1.2951842876366517</c:v>
                </c:pt>
                <c:pt idx="50">
                  <c:v>1.127272242438496</c:v>
                </c:pt>
                <c:pt idx="51">
                  <c:v>0.93730069326548326</c:v>
                </c:pt>
                <c:pt idx="52">
                  <c:v>0.69558705219522787</c:v>
                </c:pt>
                <c:pt idx="53">
                  <c:v>0.57459054556846834</c:v>
                </c:pt>
                <c:pt idx="54">
                  <c:v>0.56349540018002342</c:v>
                </c:pt>
                <c:pt idx="55">
                  <c:v>0.54348725388198971</c:v>
                </c:pt>
                <c:pt idx="56">
                  <c:v>0.79692843522124091</c:v>
                </c:pt>
                <c:pt idx="57">
                  <c:v>0.96341065336961407</c:v>
                </c:pt>
                <c:pt idx="58">
                  <c:v>0.98070859758878615</c:v>
                </c:pt>
                <c:pt idx="59">
                  <c:v>0.79492402477741186</c:v>
                </c:pt>
                <c:pt idx="60">
                  <c:v>0.7512378213767843</c:v>
                </c:pt>
                <c:pt idx="61">
                  <c:v>0.7000833215420259</c:v>
                </c:pt>
                <c:pt idx="62">
                  <c:v>0.75025891316377114</c:v>
                </c:pt>
                <c:pt idx="63">
                  <c:v>-0.74566660936798534</c:v>
                </c:pt>
                <c:pt idx="64">
                  <c:v>-0.72993323609304406</c:v>
                </c:pt>
                <c:pt idx="65">
                  <c:v>-0.73586788139649051</c:v>
                </c:pt>
                <c:pt idx="66">
                  <c:v>-0.73233245407077308</c:v>
                </c:pt>
                <c:pt idx="67">
                  <c:v>-0.70197652633832108</c:v>
                </c:pt>
                <c:pt idx="68">
                  <c:v>-0.71292075721203507</c:v>
                </c:pt>
                <c:pt idx="69">
                  <c:v>-0.72746351286686928</c:v>
                </c:pt>
                <c:pt idx="70">
                  <c:v>-0.68699525437846609</c:v>
                </c:pt>
                <c:pt idx="71">
                  <c:v>-0.6825255669277287</c:v>
                </c:pt>
                <c:pt idx="72">
                  <c:v>-0.69211818300478145</c:v>
                </c:pt>
                <c:pt idx="73">
                  <c:v>-0.70527489622406214</c:v>
                </c:pt>
                <c:pt idx="74">
                  <c:v>-0.72836944020834893</c:v>
                </c:pt>
                <c:pt idx="75">
                  <c:v>-0.7167090488527903</c:v>
                </c:pt>
                <c:pt idx="76">
                  <c:v>-0.70659242576010617</c:v>
                </c:pt>
                <c:pt idx="77">
                  <c:v>-0.71352008949508927</c:v>
                </c:pt>
                <c:pt idx="78">
                  <c:v>-0.70021580909076298</c:v>
                </c:pt>
                <c:pt idx="79">
                  <c:v>-0.70157755050481763</c:v>
                </c:pt>
                <c:pt idx="80">
                  <c:v>-0.69204398696905622</c:v>
                </c:pt>
                <c:pt idx="81">
                  <c:v>-0.69187907767997281</c:v>
                </c:pt>
                <c:pt idx="82">
                  <c:v>-0.67879489331908083</c:v>
                </c:pt>
                <c:pt idx="83">
                  <c:v>-0.63480244998155333</c:v>
                </c:pt>
                <c:pt idx="84">
                  <c:v>-0.64292356881470558</c:v>
                </c:pt>
                <c:pt idx="85">
                  <c:v>-0.6517432863809473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DDFB-4C98-9B81-D17737F3BEC1}"/>
            </c:ext>
          </c:extLst>
        </c:ser>
        <c:ser>
          <c:idx val="3"/>
          <c:order val="2"/>
          <c:tx>
            <c:strRef>
              <c:f>'US '!$G$3:$G$4</c:f>
              <c:strCache>
                <c:ptCount val="2"/>
                <c:pt idx="0">
                  <c:v>google</c:v>
                </c:pt>
                <c:pt idx="1">
                  <c:v>Strategy1</c:v>
                </c:pt>
              </c:strCache>
            </c:strRef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xVal>
            <c:numRef>
              <c:f>'US '!$F$5:$F$27</c:f>
              <c:numCache>
                <c:formatCode>m/d/yyyy</c:formatCode>
                <c:ptCount val="23"/>
                <c:pt idx="0">
                  <c:v>39043</c:v>
                </c:pt>
                <c:pt idx="1">
                  <c:v>39185</c:v>
                </c:pt>
                <c:pt idx="2">
                  <c:v>39436</c:v>
                </c:pt>
                <c:pt idx="3">
                  <c:v>39580</c:v>
                </c:pt>
                <c:pt idx="4">
                  <c:v>39764</c:v>
                </c:pt>
                <c:pt idx="5">
                  <c:v>39864</c:v>
                </c:pt>
                <c:pt idx="6">
                  <c:v>39982</c:v>
                </c:pt>
                <c:pt idx="7">
                  <c:v>40189</c:v>
                </c:pt>
                <c:pt idx="8">
                  <c:v>40261</c:v>
                </c:pt>
                <c:pt idx="9">
                  <c:v>40289</c:v>
                </c:pt>
                <c:pt idx="10">
                  <c:v>40400</c:v>
                </c:pt>
                <c:pt idx="11">
                  <c:v>40604</c:v>
                </c:pt>
                <c:pt idx="12">
                  <c:v>40905</c:v>
                </c:pt>
                <c:pt idx="13">
                  <c:v>41008</c:v>
                </c:pt>
                <c:pt idx="14">
                  <c:v>41138</c:v>
                </c:pt>
                <c:pt idx="15">
                  <c:v>41331</c:v>
                </c:pt>
                <c:pt idx="16">
                  <c:v>41480</c:v>
                </c:pt>
                <c:pt idx="17">
                  <c:v>41703</c:v>
                </c:pt>
                <c:pt idx="18">
                  <c:v>41802</c:v>
                </c:pt>
                <c:pt idx="19">
                  <c:v>42221</c:v>
                </c:pt>
                <c:pt idx="20">
                  <c:v>42320</c:v>
                </c:pt>
                <c:pt idx="21">
                  <c:v>42465</c:v>
                </c:pt>
                <c:pt idx="22">
                  <c:v>42653</c:v>
                </c:pt>
              </c:numCache>
            </c:numRef>
          </c:xVal>
          <c:yVal>
            <c:numRef>
              <c:f>'US '!$G$5:$G$27</c:f>
              <c:numCache>
                <c:formatCode>General</c:formatCode>
                <c:ptCount val="23"/>
                <c:pt idx="0">
                  <c:v>0</c:v>
                </c:pt>
                <c:pt idx="1">
                  <c:v>2.774201660894704E-3</c:v>
                </c:pt>
                <c:pt idx="2">
                  <c:v>1.0879513177900924E-2</c:v>
                </c:pt>
                <c:pt idx="3">
                  <c:v>9.9507005456702657E-2</c:v>
                </c:pt>
                <c:pt idx="4">
                  <c:v>2.7279680023504227E-2</c:v>
                </c:pt>
                <c:pt idx="5">
                  <c:v>-6.0376891998173199E-2</c:v>
                </c:pt>
                <c:pt idx="6">
                  <c:v>-0.11633430451413485</c:v>
                </c:pt>
                <c:pt idx="7">
                  <c:v>-0.14115209641653259</c:v>
                </c:pt>
                <c:pt idx="8">
                  <c:v>-0.14553684349511786</c:v>
                </c:pt>
                <c:pt idx="9">
                  <c:v>-0.19587620268082839</c:v>
                </c:pt>
                <c:pt idx="10">
                  <c:v>-0.17309028105660818</c:v>
                </c:pt>
                <c:pt idx="11">
                  <c:v>-0.21153011317539128</c:v>
                </c:pt>
                <c:pt idx="12">
                  <c:v>-0.19379795761340757</c:v>
                </c:pt>
                <c:pt idx="13">
                  <c:v>-0.22443496627153936</c:v>
                </c:pt>
                <c:pt idx="14">
                  <c:v>-0.14022774136229865</c:v>
                </c:pt>
                <c:pt idx="15">
                  <c:v>-0.11794560806870025</c:v>
                </c:pt>
                <c:pt idx="16">
                  <c:v>-0.14756988535182036</c:v>
                </c:pt>
                <c:pt idx="17">
                  <c:v>-0.13661334257945812</c:v>
                </c:pt>
                <c:pt idx="18">
                  <c:v>-0.1588864644459308</c:v>
                </c:pt>
                <c:pt idx="19">
                  <c:v>-3.3429502085188689E-2</c:v>
                </c:pt>
                <c:pt idx="20">
                  <c:v>6.1079944940333641E-2</c:v>
                </c:pt>
                <c:pt idx="21">
                  <c:v>6.7256608037268073E-2</c:v>
                </c:pt>
                <c:pt idx="22">
                  <c:v>8.0273148973231345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DDFB-4C98-9B81-D17737F3BEC1}"/>
            </c:ext>
          </c:extLst>
        </c:ser>
        <c:ser>
          <c:idx val="5"/>
          <c:order val="3"/>
          <c:tx>
            <c:strRef>
              <c:f>'US '!$I$3:$I$4</c:f>
              <c:strCache>
                <c:ptCount val="2"/>
                <c:pt idx="0">
                  <c:v>google</c:v>
                </c:pt>
                <c:pt idx="1">
                  <c:v>Strategy2</c:v>
                </c:pt>
              </c:strCache>
            </c:strRef>
          </c:tx>
          <c:spPr>
            <a:ln w="19050" cap="rnd">
              <a:solidFill>
                <a:schemeClr val="accent6"/>
              </a:solidFill>
              <a:prstDash val="lgDash"/>
              <a:round/>
            </a:ln>
            <a:effectLst/>
          </c:spPr>
          <c:marker>
            <c:symbol val="none"/>
          </c:marker>
          <c:xVal>
            <c:numRef>
              <c:f>'US '!$H$5:$H$88</c:f>
              <c:numCache>
                <c:formatCode>m/d/yyyy</c:formatCode>
                <c:ptCount val="84"/>
                <c:pt idx="0">
                  <c:v>39043</c:v>
                </c:pt>
                <c:pt idx="1">
                  <c:v>39154</c:v>
                </c:pt>
                <c:pt idx="2">
                  <c:v>39185</c:v>
                </c:pt>
                <c:pt idx="3">
                  <c:v>39195</c:v>
                </c:pt>
                <c:pt idx="4">
                  <c:v>39252</c:v>
                </c:pt>
                <c:pt idx="5">
                  <c:v>39286</c:v>
                </c:pt>
                <c:pt idx="6">
                  <c:v>39395</c:v>
                </c:pt>
                <c:pt idx="7">
                  <c:v>39436</c:v>
                </c:pt>
                <c:pt idx="8">
                  <c:v>39511</c:v>
                </c:pt>
                <c:pt idx="9">
                  <c:v>39555</c:v>
                </c:pt>
                <c:pt idx="10">
                  <c:v>39580</c:v>
                </c:pt>
                <c:pt idx="11">
                  <c:v>39619</c:v>
                </c:pt>
                <c:pt idx="12">
                  <c:v>39650</c:v>
                </c:pt>
                <c:pt idx="13">
                  <c:v>39688</c:v>
                </c:pt>
                <c:pt idx="14">
                  <c:v>39728</c:v>
                </c:pt>
                <c:pt idx="15">
                  <c:v>39764</c:v>
                </c:pt>
                <c:pt idx="16">
                  <c:v>39812</c:v>
                </c:pt>
                <c:pt idx="17">
                  <c:v>39864</c:v>
                </c:pt>
                <c:pt idx="18">
                  <c:v>39918</c:v>
                </c:pt>
                <c:pt idx="19">
                  <c:v>39924</c:v>
                </c:pt>
                <c:pt idx="20">
                  <c:v>39982</c:v>
                </c:pt>
                <c:pt idx="21">
                  <c:v>40037</c:v>
                </c:pt>
                <c:pt idx="22">
                  <c:v>40091</c:v>
                </c:pt>
                <c:pt idx="23">
                  <c:v>40119</c:v>
                </c:pt>
                <c:pt idx="24">
                  <c:v>40151</c:v>
                </c:pt>
                <c:pt idx="25">
                  <c:v>40189</c:v>
                </c:pt>
                <c:pt idx="26">
                  <c:v>40261</c:v>
                </c:pt>
                <c:pt idx="27">
                  <c:v>40289</c:v>
                </c:pt>
                <c:pt idx="28">
                  <c:v>40358</c:v>
                </c:pt>
                <c:pt idx="29">
                  <c:v>40400</c:v>
                </c:pt>
                <c:pt idx="30">
                  <c:v>40459</c:v>
                </c:pt>
                <c:pt idx="31">
                  <c:v>40486</c:v>
                </c:pt>
                <c:pt idx="32">
                  <c:v>40550</c:v>
                </c:pt>
                <c:pt idx="33">
                  <c:v>40569</c:v>
                </c:pt>
                <c:pt idx="34">
                  <c:v>40604</c:v>
                </c:pt>
                <c:pt idx="35">
                  <c:v>40648</c:v>
                </c:pt>
                <c:pt idx="36">
                  <c:v>40689</c:v>
                </c:pt>
                <c:pt idx="37">
                  <c:v>40710</c:v>
                </c:pt>
                <c:pt idx="38">
                  <c:v>40758</c:v>
                </c:pt>
                <c:pt idx="39">
                  <c:v>40814</c:v>
                </c:pt>
                <c:pt idx="40">
                  <c:v>40850</c:v>
                </c:pt>
                <c:pt idx="41">
                  <c:v>40905</c:v>
                </c:pt>
                <c:pt idx="42">
                  <c:v>40970</c:v>
                </c:pt>
                <c:pt idx="43">
                  <c:v>41008</c:v>
                </c:pt>
                <c:pt idx="44">
                  <c:v>41058</c:v>
                </c:pt>
                <c:pt idx="45">
                  <c:v>41138</c:v>
                </c:pt>
                <c:pt idx="46">
                  <c:v>41192</c:v>
                </c:pt>
                <c:pt idx="47">
                  <c:v>41267</c:v>
                </c:pt>
                <c:pt idx="48">
                  <c:v>41291</c:v>
                </c:pt>
                <c:pt idx="49">
                  <c:v>41331</c:v>
                </c:pt>
                <c:pt idx="50">
                  <c:v>41351</c:v>
                </c:pt>
                <c:pt idx="51">
                  <c:v>41382</c:v>
                </c:pt>
                <c:pt idx="52">
                  <c:v>41418</c:v>
                </c:pt>
                <c:pt idx="53">
                  <c:v>41460</c:v>
                </c:pt>
                <c:pt idx="54">
                  <c:v>41480</c:v>
                </c:pt>
                <c:pt idx="55">
                  <c:v>41543</c:v>
                </c:pt>
                <c:pt idx="56">
                  <c:v>41586</c:v>
                </c:pt>
                <c:pt idx="57">
                  <c:v>41625</c:v>
                </c:pt>
                <c:pt idx="58">
                  <c:v>41652</c:v>
                </c:pt>
                <c:pt idx="59">
                  <c:v>41663</c:v>
                </c:pt>
                <c:pt idx="60">
                  <c:v>41703</c:v>
                </c:pt>
                <c:pt idx="61">
                  <c:v>41802</c:v>
                </c:pt>
                <c:pt idx="62">
                  <c:v>41836</c:v>
                </c:pt>
                <c:pt idx="63">
                  <c:v>41892</c:v>
                </c:pt>
                <c:pt idx="64">
                  <c:v>41906</c:v>
                </c:pt>
                <c:pt idx="65">
                  <c:v>41961</c:v>
                </c:pt>
                <c:pt idx="66">
                  <c:v>41988</c:v>
                </c:pt>
                <c:pt idx="67">
                  <c:v>42017</c:v>
                </c:pt>
                <c:pt idx="68">
                  <c:v>42054</c:v>
                </c:pt>
                <c:pt idx="69">
                  <c:v>42079</c:v>
                </c:pt>
                <c:pt idx="70">
                  <c:v>42136</c:v>
                </c:pt>
                <c:pt idx="71">
                  <c:v>42166</c:v>
                </c:pt>
                <c:pt idx="72">
                  <c:v>42192</c:v>
                </c:pt>
                <c:pt idx="73">
                  <c:v>42221</c:v>
                </c:pt>
                <c:pt idx="74">
                  <c:v>42278</c:v>
                </c:pt>
                <c:pt idx="75">
                  <c:v>42320</c:v>
                </c:pt>
                <c:pt idx="76">
                  <c:v>42348</c:v>
                </c:pt>
                <c:pt idx="77">
                  <c:v>42377</c:v>
                </c:pt>
                <c:pt idx="78">
                  <c:v>42416</c:v>
                </c:pt>
                <c:pt idx="79">
                  <c:v>42465</c:v>
                </c:pt>
                <c:pt idx="80">
                  <c:v>42534</c:v>
                </c:pt>
                <c:pt idx="81">
                  <c:v>42598</c:v>
                </c:pt>
                <c:pt idx="82">
                  <c:v>42653</c:v>
                </c:pt>
                <c:pt idx="83">
                  <c:v>42677</c:v>
                </c:pt>
              </c:numCache>
            </c:numRef>
          </c:xVal>
          <c:yVal>
            <c:numRef>
              <c:f>'US '!$I$5:$I$90</c:f>
              <c:numCache>
                <c:formatCode>General</c:formatCode>
                <c:ptCount val="86"/>
                <c:pt idx="0">
                  <c:v>0</c:v>
                </c:pt>
                <c:pt idx="1">
                  <c:v>-5.8624786913900828E-2</c:v>
                </c:pt>
                <c:pt idx="2">
                  <c:v>-1.8505348590013404E-2</c:v>
                </c:pt>
                <c:pt idx="3">
                  <c:v>-1.2175260087447515E-2</c:v>
                </c:pt>
                <c:pt idx="4">
                  <c:v>7.1899432078765368E-2</c:v>
                </c:pt>
                <c:pt idx="5">
                  <c:v>1.8463444808038965E-2</c:v>
                </c:pt>
                <c:pt idx="6">
                  <c:v>0.31179278581803516</c:v>
                </c:pt>
                <c:pt idx="7">
                  <c:v>0.3274989375641788</c:v>
                </c:pt>
                <c:pt idx="8">
                  <c:v>0.14228265683392904</c:v>
                </c:pt>
                <c:pt idx="9">
                  <c:v>0.18441176453716035</c:v>
                </c:pt>
                <c:pt idx="10">
                  <c:v>0.28438446888954982</c:v>
                </c:pt>
                <c:pt idx="11">
                  <c:v>0.26644562997869659</c:v>
                </c:pt>
                <c:pt idx="12">
                  <c:v>0.11223252511497295</c:v>
                </c:pt>
                <c:pt idx="13">
                  <c:v>9.9836188704216955E-2</c:v>
                </c:pt>
                <c:pt idx="14">
                  <c:v>-0.11527797331145007</c:v>
                </c:pt>
                <c:pt idx="15">
                  <c:v>-0.27614329136189109</c:v>
                </c:pt>
                <c:pt idx="16">
                  <c:v>-0.20023252993195717</c:v>
                </c:pt>
                <c:pt idx="17">
                  <c:v>-0.19294115209024154</c:v>
                </c:pt>
                <c:pt idx="18">
                  <c:v>-8.0519826473239187E-2</c:v>
                </c:pt>
                <c:pt idx="19">
                  <c:v>-0.10576658225726077</c:v>
                </c:pt>
                <c:pt idx="20">
                  <c:v>-0.13569964096028009</c:v>
                </c:pt>
                <c:pt idx="21">
                  <c:v>-4.3554892323959038E-2</c:v>
                </c:pt>
                <c:pt idx="22">
                  <c:v>-4.9779212995453737E-2</c:v>
                </c:pt>
                <c:pt idx="23">
                  <c:v>-7.7187608736505653E-2</c:v>
                </c:pt>
                <c:pt idx="24">
                  <c:v>-6.3809085956138434E-2</c:v>
                </c:pt>
                <c:pt idx="25">
                  <c:v>-7.9986708079408886E-2</c:v>
                </c:pt>
                <c:pt idx="26">
                  <c:v>-4.0600609253242603E-2</c:v>
                </c:pt>
                <c:pt idx="27">
                  <c:v>-9.3690753828380435E-2</c:v>
                </c:pt>
                <c:pt idx="28">
                  <c:v>-0.17390685735610112</c:v>
                </c:pt>
                <c:pt idx="29">
                  <c:v>-0.15770338954137519</c:v>
                </c:pt>
                <c:pt idx="30">
                  <c:v>-5.1271024942417309E-2</c:v>
                </c:pt>
                <c:pt idx="31">
                  <c:v>-2.5610730509073365E-2</c:v>
                </c:pt>
                <c:pt idx="32">
                  <c:v>1.7124194464879672E-2</c:v>
                </c:pt>
                <c:pt idx="33">
                  <c:v>-1.9656595165492674E-2</c:v>
                </c:pt>
                <c:pt idx="34">
                  <c:v>-5.6347806749630913E-2</c:v>
                </c:pt>
                <c:pt idx="35">
                  <c:v>-0.13617100550161165</c:v>
                </c:pt>
                <c:pt idx="36">
                  <c:v>-0.16226677118538257</c:v>
                </c:pt>
                <c:pt idx="37">
                  <c:v>-0.19260242437332009</c:v>
                </c:pt>
                <c:pt idx="38">
                  <c:v>-6.8415989198483573E-2</c:v>
                </c:pt>
                <c:pt idx="39">
                  <c:v>-8.8849886125067168E-2</c:v>
                </c:pt>
                <c:pt idx="40">
                  <c:v>-2.6078805019552287E-2</c:v>
                </c:pt>
                <c:pt idx="41">
                  <c:v>-5.9773491342318685E-4</c:v>
                </c:pt>
                <c:pt idx="42">
                  <c:v>1.8084199701882131E-2</c:v>
                </c:pt>
                <c:pt idx="43">
                  <c:v>3.5442837721477716E-3</c:v>
                </c:pt>
                <c:pt idx="44">
                  <c:v>-2.3851024780188301E-2</c:v>
                </c:pt>
                <c:pt idx="45">
                  <c:v>0.13663876753991144</c:v>
                </c:pt>
                <c:pt idx="46">
                  <c:v>0.16329311689035864</c:v>
                </c:pt>
                <c:pt idx="47">
                  <c:v>0.23945998346161734</c:v>
                </c:pt>
                <c:pt idx="48">
                  <c:v>0.21619003639739165</c:v>
                </c:pt>
                <c:pt idx="49">
                  <c:v>0.27161699328627398</c:v>
                </c:pt>
                <c:pt idx="50">
                  <c:v>0.23044425437653326</c:v>
                </c:pt>
                <c:pt idx="51">
                  <c:v>0.204264917939736</c:v>
                </c:pt>
                <c:pt idx="52">
                  <c:v>0.31484946487310173</c:v>
                </c:pt>
                <c:pt idx="53">
                  <c:v>0.30444016746982561</c:v>
                </c:pt>
                <c:pt idx="54">
                  <c:v>0.25831476197632952</c:v>
                </c:pt>
                <c:pt idx="55">
                  <c:v>0.26775610819704454</c:v>
                </c:pt>
                <c:pt idx="56">
                  <c:v>0.44924930871457613</c:v>
                </c:pt>
                <c:pt idx="57">
                  <c:v>0.46329610947922562</c:v>
                </c:pt>
                <c:pt idx="58">
                  <c:v>0.47363669814638465</c:v>
                </c:pt>
                <c:pt idx="59">
                  <c:v>0.42153527821873715</c:v>
                </c:pt>
                <c:pt idx="60">
                  <c:v>0.45935301178531551</c:v>
                </c:pt>
                <c:pt idx="61">
                  <c:v>0.44574387555906259</c:v>
                </c:pt>
                <c:pt idx="62">
                  <c:v>0.44571912282432158</c:v>
                </c:pt>
                <c:pt idx="63">
                  <c:v>0.44228105791828787</c:v>
                </c:pt>
                <c:pt idx="64">
                  <c:v>0.42270636204562151</c:v>
                </c:pt>
                <c:pt idx="65">
                  <c:v>0.38567099281997597</c:v>
                </c:pt>
                <c:pt idx="66">
                  <c:v>0.33482902458066244</c:v>
                </c:pt>
                <c:pt idx="67">
                  <c:v>0.24022152970183019</c:v>
                </c:pt>
                <c:pt idx="68">
                  <c:v>0.24692849205159306</c:v>
                </c:pt>
                <c:pt idx="69">
                  <c:v>0.21019760378609598</c:v>
                </c:pt>
                <c:pt idx="70">
                  <c:v>0.18702547620633214</c:v>
                </c:pt>
                <c:pt idx="71">
                  <c:v>0.17493786386727339</c:v>
                </c:pt>
                <c:pt idx="72">
                  <c:v>0.14693193109324532</c:v>
                </c:pt>
                <c:pt idx="73">
                  <c:v>0.31800348092238107</c:v>
                </c:pt>
                <c:pt idx="74">
                  <c:v>0.28750546224148876</c:v>
                </c:pt>
                <c:pt idx="75">
                  <c:v>0.45586252362781243</c:v>
                </c:pt>
                <c:pt idx="76">
                  <c:v>0.42292192568291975</c:v>
                </c:pt>
                <c:pt idx="77">
                  <c:v>0.33965182937971838</c:v>
                </c:pt>
                <c:pt idx="78">
                  <c:v>0.24597805929019256</c:v>
                </c:pt>
                <c:pt idx="79">
                  <c:v>0.30381747637233891</c:v>
                </c:pt>
                <c:pt idx="80">
                  <c:v>0.3176290820166241</c:v>
                </c:pt>
                <c:pt idx="81">
                  <c:v>0.47259305489491954</c:v>
                </c:pt>
                <c:pt idx="82">
                  <c:v>0.49964985683735952</c:v>
                </c:pt>
                <c:pt idx="83">
                  <c:v>0.4259864664874686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DDFB-4C98-9B81-D17737F3BEC1}"/>
            </c:ext>
          </c:extLst>
        </c:ser>
        <c:ser>
          <c:idx val="8"/>
          <c:order val="4"/>
          <c:tx>
            <c:strRef>
              <c:f>'US '!$L$3:$L$4</c:f>
              <c:strCache>
                <c:ptCount val="2"/>
                <c:pt idx="0">
                  <c:v>CSCO</c:v>
                </c:pt>
                <c:pt idx="1">
                  <c:v>Strategy1</c:v>
                </c:pt>
              </c:strCache>
            </c:strRef>
          </c:tx>
          <c:spPr>
            <a:ln w="19050" cap="rnd">
              <a:solidFill>
                <a:schemeClr val="accent3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xVal>
            <c:numRef>
              <c:f>'US '!$K$5:$K$29</c:f>
              <c:numCache>
                <c:formatCode>m/d/yyyy</c:formatCode>
                <c:ptCount val="25"/>
                <c:pt idx="0">
                  <c:v>39043</c:v>
                </c:pt>
                <c:pt idx="1">
                  <c:v>39211</c:v>
                </c:pt>
                <c:pt idx="2">
                  <c:v>39293</c:v>
                </c:pt>
                <c:pt idx="3">
                  <c:v>39345</c:v>
                </c:pt>
                <c:pt idx="4">
                  <c:v>39526</c:v>
                </c:pt>
                <c:pt idx="5">
                  <c:v>39535</c:v>
                </c:pt>
                <c:pt idx="6">
                  <c:v>39581</c:v>
                </c:pt>
                <c:pt idx="7">
                  <c:v>39617</c:v>
                </c:pt>
                <c:pt idx="8">
                  <c:v>39947</c:v>
                </c:pt>
                <c:pt idx="9">
                  <c:v>39983</c:v>
                </c:pt>
                <c:pt idx="10">
                  <c:v>40086</c:v>
                </c:pt>
                <c:pt idx="11">
                  <c:v>40114</c:v>
                </c:pt>
                <c:pt idx="12">
                  <c:v>40200</c:v>
                </c:pt>
                <c:pt idx="13">
                  <c:v>40393</c:v>
                </c:pt>
                <c:pt idx="14">
                  <c:v>40680</c:v>
                </c:pt>
                <c:pt idx="15">
                  <c:v>40813</c:v>
                </c:pt>
                <c:pt idx="16">
                  <c:v>40848</c:v>
                </c:pt>
                <c:pt idx="17">
                  <c:v>40939</c:v>
                </c:pt>
                <c:pt idx="18">
                  <c:v>41305</c:v>
                </c:pt>
                <c:pt idx="19">
                  <c:v>41358</c:v>
                </c:pt>
                <c:pt idx="20">
                  <c:v>41431</c:v>
                </c:pt>
                <c:pt idx="21">
                  <c:v>41484</c:v>
                </c:pt>
                <c:pt idx="22">
                  <c:v>41849</c:v>
                </c:pt>
                <c:pt idx="23">
                  <c:v>42305</c:v>
                </c:pt>
                <c:pt idx="24">
                  <c:v>42585</c:v>
                </c:pt>
              </c:numCache>
            </c:numRef>
          </c:xVal>
          <c:yVal>
            <c:numRef>
              <c:f>'US '!$L$5:$L$90</c:f>
              <c:numCache>
                <c:formatCode>General</c:formatCode>
                <c:ptCount val="86"/>
                <c:pt idx="0">
                  <c:v>0</c:v>
                </c:pt>
                <c:pt idx="1">
                  <c:v>-1.2295081967213073E-2</c:v>
                </c:pt>
                <c:pt idx="2">
                  <c:v>4.4367840701137418E-2</c:v>
                </c:pt>
                <c:pt idx="3">
                  <c:v>6.7229920831719525E-2</c:v>
                </c:pt>
                <c:pt idx="4">
                  <c:v>8.3165243150436163E-2</c:v>
                </c:pt>
                <c:pt idx="5">
                  <c:v>1.2917244856796239E-2</c:v>
                </c:pt>
                <c:pt idx="6">
                  <c:v>3.449414029290776E-2</c:v>
                </c:pt>
                <c:pt idx="7">
                  <c:v>1.9571653064282657E-2</c:v>
                </c:pt>
                <c:pt idx="8">
                  <c:v>-6.0415071649628116E-2</c:v>
                </c:pt>
                <c:pt idx="9">
                  <c:v>-9.6240628144939722E-2</c:v>
                </c:pt>
                <c:pt idx="10">
                  <c:v>-6.6498658019914503E-2</c:v>
                </c:pt>
                <c:pt idx="11">
                  <c:v>-0.11128201437627927</c:v>
                </c:pt>
                <c:pt idx="12">
                  <c:v>-0.17218770312007781</c:v>
                </c:pt>
                <c:pt idx="13">
                  <c:v>-0.15043128990743393</c:v>
                </c:pt>
                <c:pt idx="14">
                  <c:v>-0.20535010164577339</c:v>
                </c:pt>
                <c:pt idx="15">
                  <c:v>-0.17131577764098482</c:v>
                </c:pt>
                <c:pt idx="16">
                  <c:v>-0.16322873299109786</c:v>
                </c:pt>
                <c:pt idx="17">
                  <c:v>-0.13777895140404173</c:v>
                </c:pt>
                <c:pt idx="18">
                  <c:v>-0.15341832348271189</c:v>
                </c:pt>
                <c:pt idx="19">
                  <c:v>-0.18205616518139667</c:v>
                </c:pt>
                <c:pt idx="20">
                  <c:v>-0.17159569608692737</c:v>
                </c:pt>
                <c:pt idx="21">
                  <c:v>-0.19107632192773893</c:v>
                </c:pt>
                <c:pt idx="22">
                  <c:v>-0.18249111097463588</c:v>
                </c:pt>
                <c:pt idx="23">
                  <c:v>-0.14001928343627457</c:v>
                </c:pt>
                <c:pt idx="24">
                  <c:v>-0.1170251753724287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DDFB-4C98-9B81-D17737F3BEC1}"/>
            </c:ext>
          </c:extLst>
        </c:ser>
        <c:ser>
          <c:idx val="10"/>
          <c:order val="5"/>
          <c:tx>
            <c:strRef>
              <c:f>'US '!$N$3:$N$4</c:f>
              <c:strCache>
                <c:ptCount val="2"/>
                <c:pt idx="0">
                  <c:v>CSCO</c:v>
                </c:pt>
                <c:pt idx="1">
                  <c:v>Strategy2</c:v>
                </c:pt>
              </c:strCache>
            </c:strRef>
          </c:tx>
          <c:spPr>
            <a:ln w="19050" cap="rnd">
              <a:solidFill>
                <a:schemeClr val="accent5">
                  <a:lumMod val="60000"/>
                </a:schemeClr>
              </a:solidFill>
              <a:prstDash val="lgDash"/>
              <a:round/>
            </a:ln>
            <a:effectLst/>
          </c:spPr>
          <c:marker>
            <c:symbol val="none"/>
          </c:marker>
          <c:xVal>
            <c:numRef>
              <c:f>'US '!$M$5:$M$89</c:f>
              <c:numCache>
                <c:formatCode>m/d/yyyy</c:formatCode>
                <c:ptCount val="85"/>
                <c:pt idx="0">
                  <c:v>39043</c:v>
                </c:pt>
                <c:pt idx="1">
                  <c:v>39140</c:v>
                </c:pt>
                <c:pt idx="2">
                  <c:v>39181</c:v>
                </c:pt>
                <c:pt idx="3">
                  <c:v>39211</c:v>
                </c:pt>
                <c:pt idx="4">
                  <c:v>39293</c:v>
                </c:pt>
                <c:pt idx="5">
                  <c:v>39318</c:v>
                </c:pt>
                <c:pt idx="6">
                  <c:v>39345</c:v>
                </c:pt>
                <c:pt idx="7">
                  <c:v>39359</c:v>
                </c:pt>
                <c:pt idx="8">
                  <c:v>39370</c:v>
                </c:pt>
                <c:pt idx="9">
                  <c:v>39399</c:v>
                </c:pt>
                <c:pt idx="10">
                  <c:v>39450</c:v>
                </c:pt>
                <c:pt idx="11">
                  <c:v>39526</c:v>
                </c:pt>
                <c:pt idx="12">
                  <c:v>39535</c:v>
                </c:pt>
                <c:pt idx="13">
                  <c:v>39581</c:v>
                </c:pt>
                <c:pt idx="14">
                  <c:v>39617</c:v>
                </c:pt>
                <c:pt idx="15">
                  <c:v>39686</c:v>
                </c:pt>
                <c:pt idx="16">
                  <c:v>39728</c:v>
                </c:pt>
                <c:pt idx="17">
                  <c:v>39771</c:v>
                </c:pt>
                <c:pt idx="18">
                  <c:v>39811</c:v>
                </c:pt>
                <c:pt idx="19">
                  <c:v>39868</c:v>
                </c:pt>
                <c:pt idx="20">
                  <c:v>39911</c:v>
                </c:pt>
                <c:pt idx="21">
                  <c:v>39947</c:v>
                </c:pt>
                <c:pt idx="22">
                  <c:v>39983</c:v>
                </c:pt>
                <c:pt idx="23">
                  <c:v>40032</c:v>
                </c:pt>
                <c:pt idx="24">
                  <c:v>40086</c:v>
                </c:pt>
                <c:pt idx="25">
                  <c:v>40114</c:v>
                </c:pt>
                <c:pt idx="26">
                  <c:v>40151</c:v>
                </c:pt>
                <c:pt idx="27">
                  <c:v>40164</c:v>
                </c:pt>
                <c:pt idx="28">
                  <c:v>40200</c:v>
                </c:pt>
                <c:pt idx="29">
                  <c:v>40262</c:v>
                </c:pt>
                <c:pt idx="30">
                  <c:v>40303</c:v>
                </c:pt>
                <c:pt idx="31">
                  <c:v>40360</c:v>
                </c:pt>
                <c:pt idx="32">
                  <c:v>40393</c:v>
                </c:pt>
                <c:pt idx="33">
                  <c:v>40400</c:v>
                </c:pt>
                <c:pt idx="34">
                  <c:v>40457</c:v>
                </c:pt>
                <c:pt idx="35">
                  <c:v>40480</c:v>
                </c:pt>
                <c:pt idx="36">
                  <c:v>40564</c:v>
                </c:pt>
                <c:pt idx="37">
                  <c:v>40584</c:v>
                </c:pt>
                <c:pt idx="38">
                  <c:v>40627</c:v>
                </c:pt>
                <c:pt idx="39">
                  <c:v>40658</c:v>
                </c:pt>
                <c:pt idx="40">
                  <c:v>40680</c:v>
                </c:pt>
                <c:pt idx="41">
                  <c:v>40749</c:v>
                </c:pt>
                <c:pt idx="42">
                  <c:v>40757</c:v>
                </c:pt>
                <c:pt idx="43">
                  <c:v>40813</c:v>
                </c:pt>
                <c:pt idx="44">
                  <c:v>40848</c:v>
                </c:pt>
                <c:pt idx="45">
                  <c:v>40897</c:v>
                </c:pt>
                <c:pt idx="46">
                  <c:v>40939</c:v>
                </c:pt>
                <c:pt idx="47">
                  <c:v>41009</c:v>
                </c:pt>
                <c:pt idx="48">
                  <c:v>41039</c:v>
                </c:pt>
                <c:pt idx="49">
                  <c:v>41093</c:v>
                </c:pt>
                <c:pt idx="50">
                  <c:v>41156</c:v>
                </c:pt>
                <c:pt idx="51">
                  <c:v>41200</c:v>
                </c:pt>
                <c:pt idx="52">
                  <c:v>41256</c:v>
                </c:pt>
                <c:pt idx="53">
                  <c:v>41305</c:v>
                </c:pt>
                <c:pt idx="54">
                  <c:v>41330</c:v>
                </c:pt>
                <c:pt idx="55">
                  <c:v>41358</c:v>
                </c:pt>
                <c:pt idx="56">
                  <c:v>41393</c:v>
                </c:pt>
                <c:pt idx="57">
                  <c:v>41431</c:v>
                </c:pt>
                <c:pt idx="58">
                  <c:v>41484</c:v>
                </c:pt>
                <c:pt idx="59">
                  <c:v>41548</c:v>
                </c:pt>
                <c:pt idx="60">
                  <c:v>41597</c:v>
                </c:pt>
                <c:pt idx="61">
                  <c:v>41656</c:v>
                </c:pt>
                <c:pt idx="62">
                  <c:v>41697</c:v>
                </c:pt>
                <c:pt idx="63">
                  <c:v>41746</c:v>
                </c:pt>
                <c:pt idx="64">
                  <c:v>41799</c:v>
                </c:pt>
                <c:pt idx="65">
                  <c:v>41849</c:v>
                </c:pt>
                <c:pt idx="66">
                  <c:v>41906</c:v>
                </c:pt>
                <c:pt idx="67">
                  <c:v>41978</c:v>
                </c:pt>
                <c:pt idx="68">
                  <c:v>42016</c:v>
                </c:pt>
                <c:pt idx="69">
                  <c:v>42031</c:v>
                </c:pt>
                <c:pt idx="70">
                  <c:v>42069</c:v>
                </c:pt>
                <c:pt idx="71">
                  <c:v>42131</c:v>
                </c:pt>
                <c:pt idx="72">
                  <c:v>42187</c:v>
                </c:pt>
                <c:pt idx="73">
                  <c:v>42227</c:v>
                </c:pt>
                <c:pt idx="74">
                  <c:v>42279</c:v>
                </c:pt>
                <c:pt idx="75">
                  <c:v>42305</c:v>
                </c:pt>
                <c:pt idx="76">
                  <c:v>42356</c:v>
                </c:pt>
                <c:pt idx="77">
                  <c:v>42360</c:v>
                </c:pt>
                <c:pt idx="78">
                  <c:v>42377</c:v>
                </c:pt>
                <c:pt idx="79">
                  <c:v>42436</c:v>
                </c:pt>
                <c:pt idx="80">
                  <c:v>42493</c:v>
                </c:pt>
                <c:pt idx="81">
                  <c:v>42535</c:v>
                </c:pt>
                <c:pt idx="82">
                  <c:v>42585</c:v>
                </c:pt>
                <c:pt idx="83">
                  <c:v>42628</c:v>
                </c:pt>
                <c:pt idx="84">
                  <c:v>42656</c:v>
                </c:pt>
              </c:numCache>
            </c:numRef>
          </c:xVal>
          <c:yVal>
            <c:numRef>
              <c:f>'US '!$N$5:$N$90</c:f>
              <c:numCache>
                <c:formatCode>General</c:formatCode>
                <c:ptCount val="86"/>
                <c:pt idx="0">
                  <c:v>0</c:v>
                </c:pt>
                <c:pt idx="1">
                  <c:v>-8.4727696689213206E-2</c:v>
                </c:pt>
                <c:pt idx="2">
                  <c:v>-8.820775004535486E-2</c:v>
                </c:pt>
                <c:pt idx="3">
                  <c:v>-9.9418310495616891E-2</c:v>
                </c:pt>
                <c:pt idx="4">
                  <c:v>-1.6728840300471837E-2</c:v>
                </c:pt>
                <c:pt idx="5">
                  <c:v>3.1260196888283298E-2</c:v>
                </c:pt>
                <c:pt idx="6">
                  <c:v>2.7750306637110533E-2</c:v>
                </c:pt>
                <c:pt idx="7">
                  <c:v>1.8248794934820456E-2</c:v>
                </c:pt>
                <c:pt idx="8">
                  <c:v>3.5581305729350809E-3</c:v>
                </c:pt>
                <c:pt idx="9">
                  <c:v>-0.1124636362430339</c:v>
                </c:pt>
                <c:pt idx="10">
                  <c:v>-0.14567841395547843</c:v>
                </c:pt>
                <c:pt idx="11">
                  <c:v>-0.14182071026237397</c:v>
                </c:pt>
                <c:pt idx="12">
                  <c:v>-0.19747738652885305</c:v>
                </c:pt>
                <c:pt idx="13">
                  <c:v>-0.18328188508147536</c:v>
                </c:pt>
                <c:pt idx="14">
                  <c:v>-0.2220559915631346</c:v>
                </c:pt>
                <c:pt idx="15">
                  <c:v>-0.14119822246534641</c:v>
                </c:pt>
                <c:pt idx="16">
                  <c:v>-0.29987776769231334</c:v>
                </c:pt>
                <c:pt idx="17">
                  <c:v>-0.34382577605966969</c:v>
                </c:pt>
                <c:pt idx="18">
                  <c:v>-0.39099424201248179</c:v>
                </c:pt>
                <c:pt idx="19">
                  <c:v>-0.44165160169829376</c:v>
                </c:pt>
                <c:pt idx="20">
                  <c:v>-0.38333284948034618</c:v>
                </c:pt>
                <c:pt idx="21">
                  <c:v>-0.43026002283449749</c:v>
                </c:pt>
                <c:pt idx="22">
                  <c:v>-0.44320868743904984</c:v>
                </c:pt>
                <c:pt idx="23">
                  <c:v>-0.33466883238994105</c:v>
                </c:pt>
                <c:pt idx="24">
                  <c:v>-0.27491220597815025</c:v>
                </c:pt>
                <c:pt idx="25">
                  <c:v>-0.31168985491204204</c:v>
                </c:pt>
                <c:pt idx="26">
                  <c:v>-0.30332750696889088</c:v>
                </c:pt>
                <c:pt idx="27">
                  <c:v>-0.31134892538123515</c:v>
                </c:pt>
                <c:pt idx="28">
                  <c:v>-0.33925171952407374</c:v>
                </c:pt>
                <c:pt idx="29">
                  <c:v>-0.26500096578372356</c:v>
                </c:pt>
                <c:pt idx="30">
                  <c:v>-0.28203739428097474</c:v>
                </c:pt>
                <c:pt idx="31">
                  <c:v>-0.32935478920973305</c:v>
                </c:pt>
                <c:pt idx="32">
                  <c:v>-0.32709482219780295</c:v>
                </c:pt>
                <c:pt idx="33">
                  <c:v>-0.32235605314373739</c:v>
                </c:pt>
                <c:pt idx="34">
                  <c:v>-0.26714555749775615</c:v>
                </c:pt>
                <c:pt idx="35">
                  <c:v>-0.28098480654631197</c:v>
                </c:pt>
                <c:pt idx="36">
                  <c:v>-0.23287776838420216</c:v>
                </c:pt>
                <c:pt idx="37">
                  <c:v>-0.33997486938740795</c:v>
                </c:pt>
                <c:pt idx="38">
                  <c:v>-0.38015027624941733</c:v>
                </c:pt>
                <c:pt idx="39">
                  <c:v>-0.38195741830116825</c:v>
                </c:pt>
                <c:pt idx="40">
                  <c:v>-0.41132063365166893</c:v>
                </c:pt>
                <c:pt idx="41">
                  <c:v>-0.38049769406398215</c:v>
                </c:pt>
                <c:pt idx="42">
                  <c:v>-0.40177978452399521</c:v>
                </c:pt>
                <c:pt idx="43">
                  <c:v>-0.37737053998060888</c:v>
                </c:pt>
                <c:pt idx="44">
                  <c:v>-0.35538244839663968</c:v>
                </c:pt>
                <c:pt idx="45">
                  <c:v>-0.3714295681362132</c:v>
                </c:pt>
                <c:pt idx="46">
                  <c:v>-0.34717711489833991</c:v>
                </c:pt>
                <c:pt idx="47">
                  <c:v>-0.36630152012844841</c:v>
                </c:pt>
                <c:pt idx="48">
                  <c:v>-0.46684330265554042</c:v>
                </c:pt>
                <c:pt idx="49">
                  <c:v>-0.44212093243828254</c:v>
                </c:pt>
                <c:pt idx="50">
                  <c:v>-0.33668946910684405</c:v>
                </c:pt>
                <c:pt idx="51">
                  <c:v>-0.32948345229591736</c:v>
                </c:pt>
                <c:pt idx="52">
                  <c:v>-0.25050981587323951</c:v>
                </c:pt>
                <c:pt idx="53">
                  <c:v>-0.26515666885188449</c:v>
                </c:pt>
                <c:pt idx="54">
                  <c:v>-0.280821293115047</c:v>
                </c:pt>
                <c:pt idx="55">
                  <c:v>-0.31310691532060131</c:v>
                </c:pt>
                <c:pt idx="56">
                  <c:v>-0.33096489101491755</c:v>
                </c:pt>
                <c:pt idx="57">
                  <c:v>-0.20729671576969366</c:v>
                </c:pt>
                <c:pt idx="58">
                  <c:v>-0.22384331606505703</c:v>
                </c:pt>
                <c:pt idx="59">
                  <c:v>-0.25339895138046054</c:v>
                </c:pt>
                <c:pt idx="60">
                  <c:v>-0.30256456775270224</c:v>
                </c:pt>
                <c:pt idx="61">
                  <c:v>-0.25260685783710224</c:v>
                </c:pt>
                <c:pt idx="62">
                  <c:v>-0.26435304552264394</c:v>
                </c:pt>
                <c:pt idx="63">
                  <c:v>-0.21061646476393825</c:v>
                </c:pt>
                <c:pt idx="64">
                  <c:v>-0.19668813782687999</c:v>
                </c:pt>
                <c:pt idx="65">
                  <c:v>-0.18010534524555777</c:v>
                </c:pt>
                <c:pt idx="66">
                  <c:v>-0.17081102645437263</c:v>
                </c:pt>
                <c:pt idx="67">
                  <c:v>-5.3830009439636894E-2</c:v>
                </c:pt>
                <c:pt idx="68">
                  <c:v>-6.4172554540876336E-2</c:v>
                </c:pt>
                <c:pt idx="69">
                  <c:v>-9.9972857244277291E-2</c:v>
                </c:pt>
                <c:pt idx="70">
                  <c:v>-0.1152638382628931</c:v>
                </c:pt>
                <c:pt idx="71">
                  <c:v>-6.0477372855417877E-2</c:v>
                </c:pt>
                <c:pt idx="72">
                  <c:v>-0.10812252490503804</c:v>
                </c:pt>
                <c:pt idx="73">
                  <c:v>-0.11318641404681218</c:v>
                </c:pt>
                <c:pt idx="74">
                  <c:v>-0.12204773350675946</c:v>
                </c:pt>
                <c:pt idx="75">
                  <c:v>-3.9974695635239921E-2</c:v>
                </c:pt>
                <c:pt idx="76">
                  <c:v>-8.0908752675983964E-2</c:v>
                </c:pt>
                <c:pt idx="77">
                  <c:v>-7.2283646803006918E-2</c:v>
                </c:pt>
                <c:pt idx="78">
                  <c:v>-0.17217097011386961</c:v>
                </c:pt>
                <c:pt idx="79">
                  <c:v>-2.7390517606902698E-2</c:v>
                </c:pt>
                <c:pt idx="80">
                  <c:v>-7.4591155873606874E-2</c:v>
                </c:pt>
                <c:pt idx="81">
                  <c:v>-4.1836247456015219E-2</c:v>
                </c:pt>
                <c:pt idx="82">
                  <c:v>1.6274277905070633E-4</c:v>
                </c:pt>
                <c:pt idx="83">
                  <c:v>-7.1308343887073189E-3</c:v>
                </c:pt>
                <c:pt idx="84">
                  <c:v>-4.450198639576719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DDFB-4C98-9B81-D17737F3BEC1}"/>
            </c:ext>
          </c:extLst>
        </c:ser>
        <c:ser>
          <c:idx val="13"/>
          <c:order val="6"/>
          <c:tx>
            <c:strRef>
              <c:f>'US '!$Q$3:$Q$4</c:f>
              <c:strCache>
                <c:ptCount val="2"/>
                <c:pt idx="0">
                  <c:v>Intel</c:v>
                </c:pt>
                <c:pt idx="1">
                  <c:v>Strategy1</c:v>
                </c:pt>
              </c:strCache>
            </c:strRef>
          </c:tx>
          <c:spPr>
            <a:ln w="19050" cap="rnd">
              <a:solidFill>
                <a:schemeClr val="accent2">
                  <a:lumMod val="80000"/>
                  <a:lumOff val="20000"/>
                </a:schemeClr>
              </a:solidFill>
              <a:round/>
            </a:ln>
            <a:effectLst/>
          </c:spPr>
          <c:marker>
            <c:symbol val="none"/>
          </c:marker>
          <c:xVal>
            <c:numRef>
              <c:f>'US '!$P$5:$P$28</c:f>
              <c:numCache>
                <c:formatCode>m/d/yyyy</c:formatCode>
                <c:ptCount val="24"/>
                <c:pt idx="0">
                  <c:v>39043</c:v>
                </c:pt>
                <c:pt idx="1">
                  <c:v>39206</c:v>
                </c:pt>
                <c:pt idx="2">
                  <c:v>39269</c:v>
                </c:pt>
                <c:pt idx="3">
                  <c:v>39542</c:v>
                </c:pt>
                <c:pt idx="4">
                  <c:v>39589</c:v>
                </c:pt>
                <c:pt idx="5">
                  <c:v>39953</c:v>
                </c:pt>
                <c:pt idx="6">
                  <c:v>39982</c:v>
                </c:pt>
                <c:pt idx="7">
                  <c:v>40030</c:v>
                </c:pt>
                <c:pt idx="8">
                  <c:v>40114</c:v>
                </c:pt>
                <c:pt idx="9">
                  <c:v>40200</c:v>
                </c:pt>
                <c:pt idx="10">
                  <c:v>40679</c:v>
                </c:pt>
                <c:pt idx="11">
                  <c:v>40851</c:v>
                </c:pt>
                <c:pt idx="12">
                  <c:v>40935</c:v>
                </c:pt>
                <c:pt idx="13">
                  <c:v>41004</c:v>
                </c:pt>
                <c:pt idx="14">
                  <c:v>41355</c:v>
                </c:pt>
                <c:pt idx="15">
                  <c:v>41407</c:v>
                </c:pt>
                <c:pt idx="16">
                  <c:v>41445</c:v>
                </c:pt>
                <c:pt idx="17">
                  <c:v>41548</c:v>
                </c:pt>
                <c:pt idx="18">
                  <c:v>41648</c:v>
                </c:pt>
                <c:pt idx="19">
                  <c:v>41751</c:v>
                </c:pt>
                <c:pt idx="20">
                  <c:v>42306</c:v>
                </c:pt>
                <c:pt idx="21">
                  <c:v>42579</c:v>
                </c:pt>
                <c:pt idx="22">
                  <c:v>42639</c:v>
                </c:pt>
                <c:pt idx="23">
                  <c:v>42648</c:v>
                </c:pt>
              </c:numCache>
            </c:numRef>
          </c:xVal>
          <c:yVal>
            <c:numRef>
              <c:f>'US '!$Q$5:$Q$90</c:f>
              <c:numCache>
                <c:formatCode>General</c:formatCode>
                <c:ptCount val="86"/>
                <c:pt idx="0">
                  <c:v>0</c:v>
                </c:pt>
                <c:pt idx="1">
                  <c:v>6.9858381527033719E-2</c:v>
                </c:pt>
                <c:pt idx="2">
                  <c:v>9.5606010626024585E-2</c:v>
                </c:pt>
                <c:pt idx="3">
                  <c:v>9.6107202739705633E-2</c:v>
                </c:pt>
                <c:pt idx="4">
                  <c:v>0.16504476266044188</c:v>
                </c:pt>
                <c:pt idx="5">
                  <c:v>0.19495703767279027</c:v>
                </c:pt>
                <c:pt idx="6">
                  <c:v>0.17133829626490948</c:v>
                </c:pt>
                <c:pt idx="7">
                  <c:v>0.19413196966997259</c:v>
                </c:pt>
                <c:pt idx="8">
                  <c:v>0.10904502571749863</c:v>
                </c:pt>
                <c:pt idx="9">
                  <c:v>6.0061760059308744E-2</c:v>
                </c:pt>
                <c:pt idx="10">
                  <c:v>0.26885361760710369</c:v>
                </c:pt>
                <c:pt idx="11">
                  <c:v>0.22499328515626837</c:v>
                </c:pt>
                <c:pt idx="12">
                  <c:v>0.29679487177136843</c:v>
                </c:pt>
                <c:pt idx="13">
                  <c:v>0.3103322800680357</c:v>
                </c:pt>
                <c:pt idx="14">
                  <c:v>0.36872612800446625</c:v>
                </c:pt>
                <c:pt idx="15">
                  <c:v>0.48196605945807303</c:v>
                </c:pt>
                <c:pt idx="16">
                  <c:v>0.45077951886023326</c:v>
                </c:pt>
                <c:pt idx="17">
                  <c:v>0.39516834101007281</c:v>
                </c:pt>
                <c:pt idx="18">
                  <c:v>0.40908662110467775</c:v>
                </c:pt>
                <c:pt idx="19">
                  <c:v>0.4854629377813231</c:v>
                </c:pt>
                <c:pt idx="20">
                  <c:v>0.55443733970588815</c:v>
                </c:pt>
                <c:pt idx="21">
                  <c:v>0.54687429446044744</c:v>
                </c:pt>
                <c:pt idx="22">
                  <c:v>0.60785448671108777</c:v>
                </c:pt>
                <c:pt idx="23">
                  <c:v>0.6180766931354486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DDFB-4C98-9B81-D17737F3BEC1}"/>
            </c:ext>
          </c:extLst>
        </c:ser>
        <c:ser>
          <c:idx val="15"/>
          <c:order val="7"/>
          <c:tx>
            <c:strRef>
              <c:f>'US '!$S$3:$S$4</c:f>
              <c:strCache>
                <c:ptCount val="2"/>
                <c:pt idx="0">
                  <c:v>Intel</c:v>
                </c:pt>
                <c:pt idx="1">
                  <c:v>Strategy2</c:v>
                </c:pt>
              </c:strCache>
            </c:strRef>
          </c:tx>
          <c:spPr>
            <a:ln w="19050" cap="rnd">
              <a:solidFill>
                <a:schemeClr val="accent4">
                  <a:lumMod val="80000"/>
                  <a:lumOff val="20000"/>
                </a:schemeClr>
              </a:solidFill>
              <a:prstDash val="lgDash"/>
              <a:round/>
            </a:ln>
            <a:effectLst/>
          </c:spPr>
          <c:marker>
            <c:symbol val="none"/>
          </c:marker>
          <c:xVal>
            <c:numRef>
              <c:f>'US '!$R$5:$R$87</c:f>
              <c:numCache>
                <c:formatCode>m/d/yyyy</c:formatCode>
                <c:ptCount val="83"/>
                <c:pt idx="0">
                  <c:v>39043</c:v>
                </c:pt>
                <c:pt idx="1">
                  <c:v>39139</c:v>
                </c:pt>
                <c:pt idx="2">
                  <c:v>39206</c:v>
                </c:pt>
                <c:pt idx="3">
                  <c:v>39269</c:v>
                </c:pt>
                <c:pt idx="4">
                  <c:v>39283</c:v>
                </c:pt>
                <c:pt idx="5">
                  <c:v>39344</c:v>
                </c:pt>
                <c:pt idx="6">
                  <c:v>39394</c:v>
                </c:pt>
                <c:pt idx="7">
                  <c:v>39437</c:v>
                </c:pt>
                <c:pt idx="8">
                  <c:v>39506</c:v>
                </c:pt>
                <c:pt idx="9">
                  <c:v>39542</c:v>
                </c:pt>
                <c:pt idx="10">
                  <c:v>39589</c:v>
                </c:pt>
                <c:pt idx="11">
                  <c:v>39632</c:v>
                </c:pt>
                <c:pt idx="12">
                  <c:v>39681</c:v>
                </c:pt>
                <c:pt idx="13">
                  <c:v>39735</c:v>
                </c:pt>
                <c:pt idx="14">
                  <c:v>39769</c:v>
                </c:pt>
                <c:pt idx="15">
                  <c:v>39812</c:v>
                </c:pt>
                <c:pt idx="16">
                  <c:v>39867</c:v>
                </c:pt>
                <c:pt idx="17">
                  <c:v>39905</c:v>
                </c:pt>
                <c:pt idx="18">
                  <c:v>39941</c:v>
                </c:pt>
                <c:pt idx="19">
                  <c:v>39945</c:v>
                </c:pt>
                <c:pt idx="20">
                  <c:v>39953</c:v>
                </c:pt>
                <c:pt idx="21">
                  <c:v>39982</c:v>
                </c:pt>
                <c:pt idx="22">
                  <c:v>40030</c:v>
                </c:pt>
                <c:pt idx="23">
                  <c:v>40072</c:v>
                </c:pt>
                <c:pt idx="24">
                  <c:v>40114</c:v>
                </c:pt>
                <c:pt idx="25">
                  <c:v>40150</c:v>
                </c:pt>
                <c:pt idx="26">
                  <c:v>40169</c:v>
                </c:pt>
                <c:pt idx="27">
                  <c:v>40200</c:v>
                </c:pt>
                <c:pt idx="28">
                  <c:v>40246</c:v>
                </c:pt>
                <c:pt idx="29">
                  <c:v>40274</c:v>
                </c:pt>
                <c:pt idx="30">
                  <c:v>40301</c:v>
                </c:pt>
                <c:pt idx="31">
                  <c:v>40360</c:v>
                </c:pt>
                <c:pt idx="32">
                  <c:v>40393</c:v>
                </c:pt>
                <c:pt idx="33">
                  <c:v>40458</c:v>
                </c:pt>
                <c:pt idx="34">
                  <c:v>40504</c:v>
                </c:pt>
                <c:pt idx="35">
                  <c:v>40588</c:v>
                </c:pt>
                <c:pt idx="36">
                  <c:v>40679</c:v>
                </c:pt>
                <c:pt idx="37">
                  <c:v>40749</c:v>
                </c:pt>
                <c:pt idx="38">
                  <c:v>40820</c:v>
                </c:pt>
                <c:pt idx="39">
                  <c:v>40851</c:v>
                </c:pt>
                <c:pt idx="40">
                  <c:v>40896</c:v>
                </c:pt>
                <c:pt idx="41">
                  <c:v>40935</c:v>
                </c:pt>
                <c:pt idx="42">
                  <c:v>40946</c:v>
                </c:pt>
                <c:pt idx="43">
                  <c:v>41004</c:v>
                </c:pt>
                <c:pt idx="44">
                  <c:v>41043</c:v>
                </c:pt>
                <c:pt idx="45">
                  <c:v>41089</c:v>
                </c:pt>
                <c:pt idx="46">
                  <c:v>41142</c:v>
                </c:pt>
                <c:pt idx="47">
                  <c:v>41200</c:v>
                </c:pt>
                <c:pt idx="48">
                  <c:v>41227</c:v>
                </c:pt>
                <c:pt idx="49">
                  <c:v>41274</c:v>
                </c:pt>
                <c:pt idx="50">
                  <c:v>41298</c:v>
                </c:pt>
                <c:pt idx="51">
                  <c:v>41355</c:v>
                </c:pt>
                <c:pt idx="52">
                  <c:v>41407</c:v>
                </c:pt>
                <c:pt idx="53">
                  <c:v>41445</c:v>
                </c:pt>
                <c:pt idx="54">
                  <c:v>41487</c:v>
                </c:pt>
                <c:pt idx="55">
                  <c:v>41500</c:v>
                </c:pt>
                <c:pt idx="56">
                  <c:v>41516</c:v>
                </c:pt>
                <c:pt idx="57">
                  <c:v>41548</c:v>
                </c:pt>
                <c:pt idx="58">
                  <c:v>41585</c:v>
                </c:pt>
                <c:pt idx="59">
                  <c:v>41648</c:v>
                </c:pt>
                <c:pt idx="60">
                  <c:v>41711</c:v>
                </c:pt>
                <c:pt idx="61">
                  <c:v>41751</c:v>
                </c:pt>
                <c:pt idx="62">
                  <c:v>41822</c:v>
                </c:pt>
                <c:pt idx="63">
                  <c:v>41855</c:v>
                </c:pt>
                <c:pt idx="64">
                  <c:v>41892</c:v>
                </c:pt>
                <c:pt idx="65">
                  <c:v>41962</c:v>
                </c:pt>
                <c:pt idx="66">
                  <c:v>41985</c:v>
                </c:pt>
                <c:pt idx="67">
                  <c:v>42016</c:v>
                </c:pt>
                <c:pt idx="68">
                  <c:v>42031</c:v>
                </c:pt>
                <c:pt idx="69">
                  <c:v>42072</c:v>
                </c:pt>
                <c:pt idx="70">
                  <c:v>42128</c:v>
                </c:pt>
                <c:pt idx="71">
                  <c:v>42160</c:v>
                </c:pt>
                <c:pt idx="72">
                  <c:v>42193</c:v>
                </c:pt>
                <c:pt idx="73">
                  <c:v>42237</c:v>
                </c:pt>
                <c:pt idx="74">
                  <c:v>42272</c:v>
                </c:pt>
                <c:pt idx="75">
                  <c:v>42306</c:v>
                </c:pt>
                <c:pt idx="76">
                  <c:v>42354</c:v>
                </c:pt>
                <c:pt idx="77">
                  <c:v>42457</c:v>
                </c:pt>
                <c:pt idx="78">
                  <c:v>42489</c:v>
                </c:pt>
                <c:pt idx="79">
                  <c:v>42537</c:v>
                </c:pt>
                <c:pt idx="80">
                  <c:v>42579</c:v>
                </c:pt>
                <c:pt idx="81">
                  <c:v>42639</c:v>
                </c:pt>
                <c:pt idx="82">
                  <c:v>42648</c:v>
                </c:pt>
              </c:numCache>
            </c:numRef>
          </c:xVal>
          <c:yVal>
            <c:numRef>
              <c:f>'US '!$S$5:$S$90</c:f>
              <c:numCache>
                <c:formatCode>General</c:formatCode>
                <c:ptCount val="86"/>
                <c:pt idx="0">
                  <c:v>0</c:v>
                </c:pt>
                <c:pt idx="1">
                  <c:v>2.40389434634114E-3</c:v>
                </c:pt>
                <c:pt idx="2">
                  <c:v>0.15601081022563834</c:v>
                </c:pt>
                <c:pt idx="3">
                  <c:v>0.17699450480069134</c:v>
                </c:pt>
                <c:pt idx="4">
                  <c:v>0.11349567639178382</c:v>
                </c:pt>
                <c:pt idx="5">
                  <c:v>0.23146297162807827</c:v>
                </c:pt>
                <c:pt idx="6">
                  <c:v>0.19148641961949586</c:v>
                </c:pt>
                <c:pt idx="7">
                  <c:v>0.22371324500781675</c:v>
                </c:pt>
                <c:pt idx="8">
                  <c:v>0.21188415554983142</c:v>
                </c:pt>
                <c:pt idx="9">
                  <c:v>0.25018426620635381</c:v>
                </c:pt>
                <c:pt idx="10">
                  <c:v>0.30362972387891607</c:v>
                </c:pt>
                <c:pt idx="11">
                  <c:v>0.2018290984086748</c:v>
                </c:pt>
                <c:pt idx="12">
                  <c:v>0.25405882827029691</c:v>
                </c:pt>
                <c:pt idx="13">
                  <c:v>7.5775828451579264E-2</c:v>
                </c:pt>
                <c:pt idx="14">
                  <c:v>-2.0652257011867681E-2</c:v>
                </c:pt>
                <c:pt idx="15">
                  <c:v>5.3193143813738075E-2</c:v>
                </c:pt>
                <c:pt idx="16">
                  <c:v>-6.6575702327956399E-2</c:v>
                </c:pt>
                <c:pt idx="17">
                  <c:v>4.9768013857527382E-2</c:v>
                </c:pt>
                <c:pt idx="18">
                  <c:v>-4.2833786498155391E-3</c:v>
                </c:pt>
                <c:pt idx="19">
                  <c:v>-1.4648678546759442E-2</c:v>
                </c:pt>
                <c:pt idx="20">
                  <c:v>1.4657871000759215E-2</c:v>
                </c:pt>
                <c:pt idx="21">
                  <c:v>-2.4083611346542577E-2</c:v>
                </c:pt>
                <c:pt idx="22">
                  <c:v>0.15469159761107876</c:v>
                </c:pt>
                <c:pt idx="23">
                  <c:v>0.16536677238954645</c:v>
                </c:pt>
                <c:pt idx="24">
                  <c:v>0.11553983699595949</c:v>
                </c:pt>
                <c:pt idx="25">
                  <c:v>9.5688466468094369E-2</c:v>
                </c:pt>
                <c:pt idx="26">
                  <c:v>9.8978877062516402E-2</c:v>
                </c:pt>
                <c:pt idx="27">
                  <c:v>4.7924831908023657E-2</c:v>
                </c:pt>
                <c:pt idx="28">
                  <c:v>5.9051548606679383E-2</c:v>
                </c:pt>
                <c:pt idx="29">
                  <c:v>6.8592505414284188E-2</c:v>
                </c:pt>
                <c:pt idx="30">
                  <c:v>3.564423649734394E-2</c:v>
                </c:pt>
                <c:pt idx="31">
                  <c:v>-4.3829661747056603E-2</c:v>
                </c:pt>
                <c:pt idx="32">
                  <c:v>-6.5764279902923883E-2</c:v>
                </c:pt>
                <c:pt idx="33">
                  <c:v>-8.7243831252270532E-4</c:v>
                </c:pt>
                <c:pt idx="34">
                  <c:v>5.1582943748189614E-2</c:v>
                </c:pt>
                <c:pt idx="35">
                  <c:v>7.7560340817519835E-2</c:v>
                </c:pt>
                <c:pt idx="36">
                  <c:v>0.24504040197488886</c:v>
                </c:pt>
                <c:pt idx="37">
                  <c:v>0.3244010024259627</c:v>
                </c:pt>
                <c:pt idx="38">
                  <c:v>0.44715694887115975</c:v>
                </c:pt>
                <c:pt idx="39">
                  <c:v>0.41730635174097896</c:v>
                </c:pt>
                <c:pt idx="40">
                  <c:v>0.29150992998882108</c:v>
                </c:pt>
                <c:pt idx="41">
                  <c:v>0.37483309652600916</c:v>
                </c:pt>
                <c:pt idx="42">
                  <c:v>0.36969156008301374</c:v>
                </c:pt>
                <c:pt idx="43">
                  <c:v>0.4001181169573309</c:v>
                </c:pt>
                <c:pt idx="44">
                  <c:v>0.30677686402107818</c:v>
                </c:pt>
                <c:pt idx="45">
                  <c:v>0.33584976701809466</c:v>
                </c:pt>
                <c:pt idx="46">
                  <c:v>0.34047035944243742</c:v>
                </c:pt>
                <c:pt idx="47">
                  <c:v>0.24296069517145602</c:v>
                </c:pt>
                <c:pt idx="48">
                  <c:v>0.1302730342773819</c:v>
                </c:pt>
                <c:pt idx="49">
                  <c:v>0.16706220651651749</c:v>
                </c:pt>
                <c:pt idx="50">
                  <c:v>0.11136156334469316</c:v>
                </c:pt>
                <c:pt idx="51">
                  <c:v>0.12241198029026168</c:v>
                </c:pt>
                <c:pt idx="52">
                  <c:v>0.23809805246859828</c:v>
                </c:pt>
                <c:pt idx="53">
                  <c:v>0.21253408561859755</c:v>
                </c:pt>
                <c:pt idx="54">
                  <c:v>0.17505391912412827</c:v>
                </c:pt>
                <c:pt idx="55">
                  <c:v>0.16832448397828603</c:v>
                </c:pt>
                <c:pt idx="56">
                  <c:v>0.14437482234705468</c:v>
                </c:pt>
                <c:pt idx="57">
                  <c:v>0.18378238306222272</c:v>
                </c:pt>
                <c:pt idx="58">
                  <c:v>0.19270536622278334</c:v>
                </c:pt>
                <c:pt idx="59">
                  <c:v>0.23364825745980955</c:v>
                </c:pt>
                <c:pt idx="60">
                  <c:v>0.2241816512838255</c:v>
                </c:pt>
                <c:pt idx="61">
                  <c:v>0.30540466906864805</c:v>
                </c:pt>
                <c:pt idx="62">
                  <c:v>0.53828205056921519</c:v>
                </c:pt>
                <c:pt idx="63">
                  <c:v>0.50556196545092735</c:v>
                </c:pt>
                <c:pt idx="64">
                  <c:v>0.50900920260734628</c:v>
                </c:pt>
                <c:pt idx="65">
                  <c:v>0.5362910497617619</c:v>
                </c:pt>
                <c:pt idx="66">
                  <c:v>0.50839625246818754</c:v>
                </c:pt>
                <c:pt idx="67">
                  <c:v>0.50469613868191043</c:v>
                </c:pt>
                <c:pt idx="68">
                  <c:v>0.39381087718337526</c:v>
                </c:pt>
                <c:pt idx="69">
                  <c:v>0.31276599509841496</c:v>
                </c:pt>
                <c:pt idx="70">
                  <c:v>0.39497039450446292</c:v>
                </c:pt>
                <c:pt idx="71">
                  <c:v>0.34186888352748857</c:v>
                </c:pt>
                <c:pt idx="72">
                  <c:v>0.23742207139921589</c:v>
                </c:pt>
                <c:pt idx="73">
                  <c:v>0.17127334819010875</c:v>
                </c:pt>
                <c:pt idx="74">
                  <c:v>0.1438774233926674</c:v>
                </c:pt>
                <c:pt idx="75">
                  <c:v>0.20439813038907917</c:v>
                </c:pt>
                <c:pt idx="76">
                  <c:v>0.23375664631726645</c:v>
                </c:pt>
                <c:pt idx="77">
                  <c:v>0.34140548798639392</c:v>
                </c:pt>
                <c:pt idx="78">
                  <c:v>0.27929951236640926</c:v>
                </c:pt>
                <c:pt idx="79">
                  <c:v>0.34464354315724788</c:v>
                </c:pt>
                <c:pt idx="80">
                  <c:v>0.40823055985984791</c:v>
                </c:pt>
                <c:pt idx="81">
                  <c:v>0.4645757635122878</c:v>
                </c:pt>
                <c:pt idx="82">
                  <c:v>0.496482952796754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DDFB-4C98-9B81-D17737F3BEC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-1186480704"/>
        <c:axId val="-1190676464"/>
      </c:scatterChart>
      <c:valAx>
        <c:axId val="-11864807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m/d/yyyy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1190676464"/>
        <c:crosses val="autoZero"/>
        <c:crossBetween val="midCat"/>
      </c:valAx>
      <c:valAx>
        <c:axId val="-119067646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118648070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47673</xdr:colOff>
      <xdr:row>6</xdr:row>
      <xdr:rowOff>95249</xdr:rowOff>
    </xdr:from>
    <xdr:to>
      <xdr:col>16</xdr:col>
      <xdr:colOff>31123</xdr:colOff>
      <xdr:row>36</xdr:row>
      <xdr:rowOff>124499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524481</xdr:colOff>
      <xdr:row>2</xdr:row>
      <xdr:rowOff>95251</xdr:rowOff>
    </xdr:from>
    <xdr:to>
      <xdr:col>12</xdr:col>
      <xdr:colOff>825500</xdr:colOff>
      <xdr:row>36</xdr:row>
      <xdr:rowOff>8090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847724</xdr:colOff>
      <xdr:row>10</xdr:row>
      <xdr:rowOff>138111</xdr:rowOff>
    </xdr:from>
    <xdr:to>
      <xdr:col>10</xdr:col>
      <xdr:colOff>800099</xdr:colOff>
      <xdr:row>36</xdr:row>
      <xdr:rowOff>104774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33425</xdr:colOff>
      <xdr:row>6</xdr:row>
      <xdr:rowOff>90486</xdr:rowOff>
    </xdr:from>
    <xdr:to>
      <xdr:col>12</xdr:col>
      <xdr:colOff>581025</xdr:colOff>
      <xdr:row>36</xdr:row>
      <xdr:rowOff>190499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DengXian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DengXian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93"/>
  <sheetViews>
    <sheetView zoomScale="90" zoomScaleNormal="90" workbookViewId="0">
      <selection activeCell="B1" sqref="B1"/>
    </sheetView>
  </sheetViews>
  <sheetFormatPr defaultRowHeight="14.25"/>
  <cols>
    <col min="1" max="1" width="12.5" style="7" bestFit="1" customWidth="1"/>
    <col min="2" max="3" width="9" style="7"/>
    <col min="4" max="4" width="12.5" style="7" bestFit="1" customWidth="1"/>
    <col min="5" max="6" width="9" style="7"/>
    <col min="7" max="7" width="19.75" style="7" bestFit="1" customWidth="1"/>
    <col min="8" max="8" width="11.125" style="7" bestFit="1" customWidth="1"/>
    <col min="9" max="9" width="9" style="7"/>
    <col min="10" max="10" width="19.75" style="7" bestFit="1" customWidth="1"/>
    <col min="11" max="11" width="11.125" style="7" bestFit="1" customWidth="1"/>
    <col min="12" max="12" width="9" style="7"/>
    <col min="13" max="13" width="15.875" style="7" bestFit="1" customWidth="1"/>
    <col min="14" max="14" width="10.5" style="7" bestFit="1" customWidth="1"/>
    <col min="15" max="15" width="9" style="7"/>
    <col min="16" max="16" width="15.875" style="7" bestFit="1" customWidth="1"/>
    <col min="17" max="17" width="11.125" style="7" bestFit="1" customWidth="1"/>
    <col min="18" max="18" width="9" style="7"/>
    <col min="19" max="19" width="9.375" style="7" bestFit="1" customWidth="1"/>
    <col min="20" max="21" width="9" style="7"/>
    <col min="22" max="22" width="9.375" style="7" bestFit="1" customWidth="1"/>
    <col min="23" max="24" width="9" style="7"/>
    <col min="25" max="25" width="12.5" style="7" bestFit="1" customWidth="1"/>
    <col min="26" max="27" width="9" style="7"/>
    <col min="28" max="28" width="13.5" style="7" bestFit="1" customWidth="1"/>
    <col min="29" max="16384" width="9" style="7"/>
  </cols>
  <sheetData>
    <row r="1" spans="1:29">
      <c r="A1" s="9" t="s">
        <v>20</v>
      </c>
      <c r="B1" s="9" t="s">
        <v>19</v>
      </c>
    </row>
    <row r="2" spans="1:29">
      <c r="A2" s="9" t="s">
        <v>18</v>
      </c>
      <c r="B2" s="9" t="s">
        <v>17</v>
      </c>
    </row>
    <row r="3" spans="1:29">
      <c r="A3" s="7" t="s">
        <v>16</v>
      </c>
      <c r="D3" s="7" t="s">
        <v>15</v>
      </c>
      <c r="G3" s="7" t="s">
        <v>14</v>
      </c>
      <c r="J3" s="7" t="s">
        <v>13</v>
      </c>
      <c r="M3" s="7" t="s">
        <v>12</v>
      </c>
      <c r="P3" s="7" t="s">
        <v>11</v>
      </c>
      <c r="S3" s="7" t="s">
        <v>10</v>
      </c>
      <c r="V3" s="7" t="s">
        <v>9</v>
      </c>
      <c r="Y3" s="7" t="s">
        <v>8</v>
      </c>
      <c r="AB3" s="7" t="s">
        <v>7</v>
      </c>
    </row>
    <row r="4" spans="1:29">
      <c r="A4" s="7" t="s">
        <v>3</v>
      </c>
      <c r="B4" s="7" t="s">
        <v>6</v>
      </c>
      <c r="D4" s="7" t="s">
        <v>3</v>
      </c>
      <c r="E4" s="7" t="s">
        <v>1</v>
      </c>
      <c r="G4" s="7" t="s">
        <v>3</v>
      </c>
      <c r="H4" s="7" t="s">
        <v>6</v>
      </c>
      <c r="J4" s="7" t="s">
        <v>3</v>
      </c>
      <c r="K4" s="7" t="s">
        <v>5</v>
      </c>
      <c r="M4" s="7" t="s">
        <v>3</v>
      </c>
      <c r="N4" s="7" t="s">
        <v>6</v>
      </c>
      <c r="P4" s="7" t="s">
        <v>3</v>
      </c>
      <c r="Q4" s="7" t="s">
        <v>5</v>
      </c>
      <c r="S4" s="7" t="s">
        <v>3</v>
      </c>
      <c r="T4" s="7" t="s">
        <v>6</v>
      </c>
      <c r="V4" s="7" t="s">
        <v>3</v>
      </c>
      <c r="W4" s="7" t="s">
        <v>5</v>
      </c>
      <c r="Y4" s="7" t="s">
        <v>3</v>
      </c>
      <c r="Z4" s="7" t="s">
        <v>6</v>
      </c>
      <c r="AB4" s="7" t="s">
        <v>3</v>
      </c>
      <c r="AC4" s="7" t="s">
        <v>5</v>
      </c>
    </row>
    <row r="5" spans="1:29">
      <c r="A5" s="8">
        <v>39043</v>
      </c>
      <c r="B5" s="7">
        <v>0</v>
      </c>
      <c r="D5" s="8">
        <v>39043</v>
      </c>
      <c r="E5" s="7">
        <v>0</v>
      </c>
      <c r="G5" s="8">
        <v>39043</v>
      </c>
      <c r="H5" s="7">
        <v>0</v>
      </c>
      <c r="J5" s="8">
        <v>39043</v>
      </c>
      <c r="K5" s="7">
        <v>0</v>
      </c>
      <c r="M5" s="8">
        <v>39043</v>
      </c>
      <c r="N5" s="7">
        <v>0</v>
      </c>
      <c r="P5" s="8">
        <v>39043</v>
      </c>
      <c r="Q5" s="7">
        <v>0</v>
      </c>
      <c r="S5" s="8">
        <v>39043</v>
      </c>
      <c r="T5" s="7">
        <v>0</v>
      </c>
      <c r="V5" s="8">
        <v>39043</v>
      </c>
      <c r="W5" s="7">
        <v>0</v>
      </c>
      <c r="Y5" s="8">
        <v>39043</v>
      </c>
      <c r="Z5" s="7">
        <v>0</v>
      </c>
      <c r="AB5" s="8">
        <v>39043</v>
      </c>
      <c r="AC5" s="7">
        <v>0</v>
      </c>
    </row>
    <row r="6" spans="1:29">
      <c r="A6" s="8">
        <v>39188</v>
      </c>
      <c r="B6" s="7">
        <v>6.3582568321653987E-2</v>
      </c>
      <c r="D6" s="8">
        <v>39188</v>
      </c>
      <c r="E6" s="7">
        <v>7.3929914868342772E-2</v>
      </c>
      <c r="G6" s="8">
        <v>39189</v>
      </c>
      <c r="H6" s="7">
        <v>8.286253086299733E-2</v>
      </c>
      <c r="J6" s="8">
        <v>39189</v>
      </c>
      <c r="K6" s="7">
        <v>0.15461729173058258</v>
      </c>
      <c r="M6" s="8">
        <v>39316</v>
      </c>
      <c r="N6" s="7">
        <v>0.30848532910388582</v>
      </c>
      <c r="P6" s="8">
        <v>39160</v>
      </c>
      <c r="Q6" s="7">
        <v>-4.1845493562231773E-2</v>
      </c>
      <c r="S6" s="8">
        <v>39268</v>
      </c>
      <c r="T6" s="7">
        <v>-3.3877225011410328E-2</v>
      </c>
      <c r="V6" s="8">
        <v>39189</v>
      </c>
      <c r="W6" s="7">
        <v>0.15461729173058258</v>
      </c>
      <c r="Y6" s="8">
        <v>39225</v>
      </c>
      <c r="Z6" s="7">
        <v>-3.059065506871439E-2</v>
      </c>
      <c r="AB6" s="8">
        <v>39125</v>
      </c>
      <c r="AC6" s="7">
        <v>-4.7507046345051651E-2</v>
      </c>
    </row>
    <row r="7" spans="1:29">
      <c r="A7" s="8">
        <v>39301</v>
      </c>
      <c r="B7" s="7">
        <v>0.17054565270172306</v>
      </c>
      <c r="D7" s="8">
        <v>39227</v>
      </c>
      <c r="E7" s="7">
        <v>2.5369255300439875E-2</v>
      </c>
      <c r="G7" s="8">
        <v>39230</v>
      </c>
      <c r="H7" s="7">
        <v>7.0038210551846225E-2</v>
      </c>
      <c r="J7" s="8">
        <v>39230</v>
      </c>
      <c r="K7" s="7">
        <v>9.9995794426761098E-2</v>
      </c>
      <c r="M7" s="8">
        <v>39468</v>
      </c>
      <c r="N7" s="7">
        <v>0.1572071765224532</v>
      </c>
      <c r="P7" s="8">
        <v>39192</v>
      </c>
      <c r="Q7" s="7">
        <v>3.751679889018944E-2</v>
      </c>
      <c r="S7" s="8">
        <v>39528</v>
      </c>
      <c r="T7" s="7">
        <v>-5.3819736673249907E-2</v>
      </c>
      <c r="V7" s="8">
        <v>39230</v>
      </c>
      <c r="W7" s="7">
        <v>9.9995794426761098E-2</v>
      </c>
      <c r="Y7" s="8">
        <v>39304</v>
      </c>
      <c r="Z7" s="7">
        <v>2.8789119620808989E-2</v>
      </c>
      <c r="AB7" s="8">
        <v>39190</v>
      </c>
      <c r="AC7" s="7">
        <v>2.9622627997887285E-3</v>
      </c>
    </row>
    <row r="8" spans="1:29">
      <c r="A8" s="8">
        <v>39468</v>
      </c>
      <c r="B8" s="7">
        <v>8.8477952003681359E-2</v>
      </c>
      <c r="D8" s="8">
        <v>39301</v>
      </c>
      <c r="E8" s="7">
        <v>0.15478367114341474</v>
      </c>
      <c r="G8" s="8">
        <v>39323</v>
      </c>
      <c r="H8" s="7">
        <v>0.18582468160893306</v>
      </c>
      <c r="J8" s="8">
        <v>39323</v>
      </c>
      <c r="K8" s="7">
        <v>0.25171912723726031</v>
      </c>
      <c r="M8" s="8">
        <v>39665</v>
      </c>
      <c r="N8" s="7">
        <v>5.2139185715874836E-2</v>
      </c>
      <c r="P8" s="8">
        <v>39231</v>
      </c>
      <c r="Q8" s="7">
        <v>1.5787170009209373E-3</v>
      </c>
      <c r="S8" s="8">
        <v>39668</v>
      </c>
      <c r="T8" s="7">
        <v>-0.11475167824108068</v>
      </c>
      <c r="V8" s="8">
        <v>39324</v>
      </c>
      <c r="W8" s="7">
        <v>0.25171912723726031</v>
      </c>
      <c r="Y8" s="8">
        <v>39666</v>
      </c>
      <c r="Z8" s="7">
        <v>5.9601439343229368E-2</v>
      </c>
      <c r="AB8" s="8">
        <v>39225</v>
      </c>
      <c r="AC8" s="7">
        <v>-4.4421781112012337E-2</v>
      </c>
    </row>
    <row r="9" spans="1:29">
      <c r="A9" s="8">
        <v>39582</v>
      </c>
      <c r="B9" s="7">
        <v>8.5028590837615381E-2</v>
      </c>
      <c r="D9" s="8">
        <v>39323</v>
      </c>
      <c r="E9" s="7">
        <v>0.18480162110594955</v>
      </c>
      <c r="G9" s="8">
        <v>39588</v>
      </c>
      <c r="H9" s="7">
        <v>9.6370876572474229E-2</v>
      </c>
      <c r="J9" s="8">
        <v>39387</v>
      </c>
      <c r="K9" s="7">
        <v>0.50286813283744669</v>
      </c>
      <c r="M9" s="8">
        <v>39993</v>
      </c>
      <c r="N9" s="7">
        <v>0.16120239399130099</v>
      </c>
      <c r="P9" s="8">
        <v>39282</v>
      </c>
      <c r="Q9" s="7">
        <v>-4.717068957877002E-2</v>
      </c>
      <c r="S9" s="8">
        <v>39867</v>
      </c>
      <c r="T9" s="7">
        <v>-8.6339314432518632E-3</v>
      </c>
      <c r="V9" s="8">
        <v>39391</v>
      </c>
      <c r="W9" s="7">
        <v>0.50286813283744669</v>
      </c>
      <c r="Y9" s="8">
        <v>39783</v>
      </c>
      <c r="Z9" s="7">
        <v>5.6991583581300187E-2</v>
      </c>
      <c r="AB9" s="8">
        <v>39304</v>
      </c>
      <c r="AC9" s="7">
        <v>0.21693294542145458</v>
      </c>
    </row>
    <row r="10" spans="1:29">
      <c r="A10" s="8">
        <v>39671</v>
      </c>
      <c r="B10" s="7">
        <v>3.2152180418788534E-2</v>
      </c>
      <c r="D10" s="8">
        <v>39387</v>
      </c>
      <c r="E10" s="7">
        <v>0.58451564447200299</v>
      </c>
      <c r="G10" s="8">
        <v>39667</v>
      </c>
      <c r="H10" s="7">
        <v>8.0168612223111113E-2</v>
      </c>
      <c r="J10" s="8">
        <v>39468</v>
      </c>
      <c r="K10" s="7">
        <v>0.41034924824322161</v>
      </c>
      <c r="M10" s="8">
        <v>40158</v>
      </c>
      <c r="N10" s="7">
        <v>0.34787670289876327</v>
      </c>
      <c r="P10" s="8">
        <v>39316</v>
      </c>
      <c r="Q10" s="7">
        <v>0.30254213934965168</v>
      </c>
      <c r="S10" s="8">
        <v>40086</v>
      </c>
      <c r="T10" s="7">
        <v>4.9641518404184293E-3</v>
      </c>
      <c r="V10" s="8">
        <v>39470</v>
      </c>
      <c r="W10" s="7">
        <v>0.41034924824322161</v>
      </c>
      <c r="Y10" s="8">
        <v>39808</v>
      </c>
      <c r="Z10" s="7">
        <v>1.3604476033368673E-3</v>
      </c>
      <c r="AB10" s="8">
        <v>39332</v>
      </c>
      <c r="AC10" s="7">
        <v>0.22571121731885246</v>
      </c>
    </row>
    <row r="11" spans="1:29">
      <c r="A11" s="8">
        <v>39924</v>
      </c>
      <c r="B11" s="7">
        <v>8.2052653911711015E-2</v>
      </c>
      <c r="D11" s="8">
        <v>39441</v>
      </c>
      <c r="E11" s="7">
        <v>0.53144611164263433</v>
      </c>
      <c r="G11" s="8">
        <v>40123</v>
      </c>
      <c r="H11" s="7">
        <v>0.10399823236058658</v>
      </c>
      <c r="J11" s="8">
        <v>39521</v>
      </c>
      <c r="K11" s="7">
        <v>0.2980198857290699</v>
      </c>
      <c r="M11" s="8">
        <v>40336</v>
      </c>
      <c r="N11" s="7">
        <v>0.30709699373462862</v>
      </c>
      <c r="P11" s="8">
        <v>39336</v>
      </c>
      <c r="Q11" s="7">
        <v>0.23593877218206294</v>
      </c>
      <c r="S11" s="8">
        <v>40128</v>
      </c>
      <c r="T11" s="7">
        <v>8.4413980407053169E-2</v>
      </c>
      <c r="V11" s="8">
        <v>39524</v>
      </c>
      <c r="W11" s="7">
        <v>0.2980198857290699</v>
      </c>
      <c r="Y11" s="8">
        <v>39926</v>
      </c>
      <c r="Z11" s="7">
        <v>4.8953624770795789E-2</v>
      </c>
      <c r="AB11" s="8">
        <v>39405</v>
      </c>
      <c r="AC11" s="7">
        <v>0.11998955966475822</v>
      </c>
    </row>
    <row r="12" spans="1:29">
      <c r="A12" s="8">
        <v>40128</v>
      </c>
      <c r="B12" s="7">
        <v>0.14406777446978447</v>
      </c>
      <c r="D12" s="8">
        <v>39468</v>
      </c>
      <c r="E12" s="7">
        <v>0.45266423748778029</v>
      </c>
      <c r="G12" s="8">
        <v>40197</v>
      </c>
      <c r="H12" s="7">
        <v>6.0755623056572894E-2</v>
      </c>
      <c r="J12" s="8">
        <v>39560</v>
      </c>
      <c r="K12" s="7">
        <v>0.17451999522404882</v>
      </c>
      <c r="M12" s="8">
        <v>40400</v>
      </c>
      <c r="N12" s="7">
        <v>0.33618977260948535</v>
      </c>
      <c r="P12" s="8">
        <v>39386</v>
      </c>
      <c r="Q12" s="7">
        <v>9.9866666975480189E-2</v>
      </c>
      <c r="S12" s="8">
        <v>40263</v>
      </c>
      <c r="T12" s="7">
        <v>0.18986687845769423</v>
      </c>
      <c r="V12" s="8">
        <v>39561</v>
      </c>
      <c r="W12" s="7">
        <v>0.17451999522404882</v>
      </c>
      <c r="Y12" s="8">
        <v>40123</v>
      </c>
      <c r="Z12" s="7">
        <v>0.11769239441501589</v>
      </c>
      <c r="AB12" s="8">
        <v>39443</v>
      </c>
      <c r="AC12" s="7">
        <v>9.9949985038549904E-2</v>
      </c>
    </row>
    <row r="13" spans="1:29">
      <c r="A13" s="8">
        <v>40143</v>
      </c>
      <c r="B13" s="7">
        <v>6.3961961330704087E-2</v>
      </c>
      <c r="D13" s="8">
        <v>39514</v>
      </c>
      <c r="E13" s="7">
        <v>0.35866864871916504</v>
      </c>
      <c r="G13" s="8">
        <v>40283</v>
      </c>
      <c r="H13" s="7">
        <v>3.399223020026354E-2</v>
      </c>
      <c r="J13" s="8">
        <v>39588</v>
      </c>
      <c r="K13" s="7">
        <v>6.9372605265459075E-2</v>
      </c>
      <c r="M13" s="8">
        <v>40602</v>
      </c>
      <c r="N13" s="7">
        <v>0.40918344759270453</v>
      </c>
      <c r="P13" s="8">
        <v>39468</v>
      </c>
      <c r="Q13" s="7">
        <v>0.1489991919839575</v>
      </c>
      <c r="S13" s="8">
        <v>40396</v>
      </c>
      <c r="T13" s="7">
        <v>0.19322956250648371</v>
      </c>
      <c r="V13" s="8">
        <v>39589</v>
      </c>
      <c r="W13" s="7">
        <v>6.9372605265459075E-2</v>
      </c>
      <c r="Y13" s="8">
        <v>40569</v>
      </c>
      <c r="Z13" s="7">
        <v>0.12900507047184795</v>
      </c>
      <c r="AB13" s="8">
        <v>39470</v>
      </c>
      <c r="AC13" s="7">
        <v>-5.05125188519151E-3</v>
      </c>
    </row>
    <row r="14" spans="1:29">
      <c r="A14" s="8">
        <v>40287</v>
      </c>
      <c r="B14" s="7">
        <v>-6.401083053000356E-3</v>
      </c>
      <c r="D14" s="8">
        <v>39560</v>
      </c>
      <c r="E14" s="7">
        <v>0.36088578404716221</v>
      </c>
      <c r="G14" s="8">
        <v>40399</v>
      </c>
      <c r="H14" s="7">
        <v>2.4870078836558562E-3</v>
      </c>
      <c r="J14" s="8">
        <v>39654</v>
      </c>
      <c r="K14" s="7">
        <v>7.2013899667171533E-2</v>
      </c>
      <c r="M14" s="8">
        <v>40660</v>
      </c>
      <c r="N14" s="7">
        <v>0.32984604169606424</v>
      </c>
      <c r="P14" s="8">
        <v>39512</v>
      </c>
      <c r="Q14" s="7">
        <v>4.6063836797494817E-2</v>
      </c>
      <c r="S14" s="8">
        <v>40422</v>
      </c>
      <c r="T14" s="7">
        <v>0.19763159596224877</v>
      </c>
      <c r="V14" s="8">
        <v>39660</v>
      </c>
      <c r="W14" s="7">
        <v>7.2013899667171533E-2</v>
      </c>
      <c r="Y14" s="8">
        <v>40620</v>
      </c>
      <c r="Z14" s="7">
        <v>0.14226149008599864</v>
      </c>
      <c r="AB14" s="8">
        <v>39521</v>
      </c>
      <c r="AC14" s="7">
        <v>-0.11607793367716224</v>
      </c>
    </row>
    <row r="15" spans="1:29">
      <c r="A15" s="8">
        <v>40372</v>
      </c>
      <c r="B15" s="7">
        <v>4.0097363893680793E-2</v>
      </c>
      <c r="D15" s="8">
        <v>39582</v>
      </c>
      <c r="E15" s="7">
        <v>0.2852817113924706</v>
      </c>
      <c r="G15" s="8">
        <v>40604</v>
      </c>
      <c r="H15" s="7">
        <v>-3.6071380609257186E-3</v>
      </c>
      <c r="J15" s="8">
        <v>39667</v>
      </c>
      <c r="K15" s="7">
        <v>5.6171584844929123E-2</v>
      </c>
      <c r="M15" s="8">
        <v>40849</v>
      </c>
      <c r="N15" s="7">
        <v>0.32234690988198866</v>
      </c>
      <c r="P15" s="8">
        <v>39552</v>
      </c>
      <c r="Q15" s="7">
        <v>-0.11546643644220733</v>
      </c>
      <c r="S15" s="8">
        <v>40568</v>
      </c>
      <c r="T15" s="7">
        <v>0.13987162331489755</v>
      </c>
      <c r="V15" s="8">
        <v>39673</v>
      </c>
      <c r="W15" s="7">
        <v>5.6171584844929123E-2</v>
      </c>
      <c r="Y15" s="8">
        <v>40655</v>
      </c>
      <c r="Z15" s="7">
        <v>0.21504275317112409</v>
      </c>
      <c r="AB15" s="8">
        <v>39589</v>
      </c>
      <c r="AC15" s="7">
        <v>-0.21211152265849864</v>
      </c>
    </row>
    <row r="16" spans="1:29">
      <c r="A16" s="8">
        <v>40399</v>
      </c>
      <c r="B16" s="7">
        <v>5.2507953819022068E-2</v>
      </c>
      <c r="D16" s="8">
        <v>39671</v>
      </c>
      <c r="E16" s="7">
        <v>0.26455000020159392</v>
      </c>
      <c r="G16" s="8">
        <v>40658</v>
      </c>
      <c r="H16" s="7">
        <v>-9.5029538120445789E-3</v>
      </c>
      <c r="J16" s="8">
        <v>39708</v>
      </c>
      <c r="K16" s="7">
        <v>-0.14059346608921808</v>
      </c>
      <c r="M16" s="8">
        <v>41233</v>
      </c>
      <c r="N16" s="7">
        <v>0.29691716161502746</v>
      </c>
      <c r="P16" s="8">
        <v>39589</v>
      </c>
      <c r="Q16" s="7">
        <v>0.17093732352517277</v>
      </c>
      <c r="S16" s="8">
        <v>40945</v>
      </c>
      <c r="T16" s="7">
        <v>0.22257860564187126</v>
      </c>
      <c r="V16" s="8">
        <v>39714</v>
      </c>
      <c r="W16" s="7">
        <v>-0.14059346608921808</v>
      </c>
      <c r="Y16" s="8">
        <v>40861</v>
      </c>
      <c r="Z16" s="7">
        <v>0.24353621806960968</v>
      </c>
      <c r="AB16" s="8">
        <v>39659</v>
      </c>
      <c r="AC16" s="7">
        <v>-0.16132428631418583</v>
      </c>
    </row>
    <row r="17" spans="1:29">
      <c r="A17" s="8">
        <v>40441</v>
      </c>
      <c r="B17" s="7">
        <v>5.516665593779102E-2</v>
      </c>
      <c r="D17" s="8">
        <v>39702</v>
      </c>
      <c r="E17" s="7">
        <v>0.13519250941178673</v>
      </c>
      <c r="G17" s="8">
        <v>40744</v>
      </c>
      <c r="H17" s="7">
        <v>-1.9026963871544234E-2</v>
      </c>
      <c r="J17" s="8">
        <v>39738</v>
      </c>
      <c r="K17" s="7">
        <v>-0.2533030363108858</v>
      </c>
      <c r="M17" s="8">
        <v>41281</v>
      </c>
      <c r="N17" s="7">
        <v>0.37467664882106777</v>
      </c>
      <c r="P17" s="8">
        <v>39665</v>
      </c>
      <c r="Q17" s="7">
        <v>-6.60997674096796E-2</v>
      </c>
      <c r="S17" s="8">
        <v>41212</v>
      </c>
      <c r="T17" s="7">
        <v>0.17925454848263134</v>
      </c>
      <c r="V17" s="8">
        <v>39744</v>
      </c>
      <c r="W17" s="7">
        <v>-0.2533030363108858</v>
      </c>
      <c r="Y17" s="8">
        <v>40949</v>
      </c>
      <c r="Z17" s="7">
        <v>0.31004625890639592</v>
      </c>
      <c r="AB17" s="8">
        <v>39666</v>
      </c>
      <c r="AC17" s="7">
        <v>-0.1599672058713284</v>
      </c>
    </row>
    <row r="18" spans="1:29">
      <c r="A18" s="8">
        <v>40569</v>
      </c>
      <c r="B18" s="7">
        <v>5.2660321838176483E-2</v>
      </c>
      <c r="D18" s="8">
        <v>39749</v>
      </c>
      <c r="E18" s="7">
        <v>5.9883503473031618E-2</v>
      </c>
      <c r="G18" s="8">
        <v>40945</v>
      </c>
      <c r="H18" s="7">
        <v>4.1717227936557411E-3</v>
      </c>
      <c r="J18" s="8">
        <v>39806</v>
      </c>
      <c r="K18" s="7">
        <v>-0.28830392954331774</v>
      </c>
      <c r="M18" s="8">
        <v>42108</v>
      </c>
      <c r="N18" s="7">
        <v>0.47426259923282132</v>
      </c>
      <c r="P18" s="8">
        <v>39731</v>
      </c>
      <c r="Q18" s="7">
        <v>-0.20148767095087983</v>
      </c>
      <c r="S18" s="8">
        <v>41428</v>
      </c>
      <c r="T18" s="7">
        <v>0.17075193406773859</v>
      </c>
      <c r="V18" s="8">
        <v>39812</v>
      </c>
      <c r="W18" s="7">
        <v>-0.28830392954331774</v>
      </c>
      <c r="Y18" s="8">
        <v>40981</v>
      </c>
      <c r="Z18" s="7">
        <v>0.30197201385920702</v>
      </c>
      <c r="AB18" s="8">
        <v>39701</v>
      </c>
      <c r="AC18" s="7">
        <v>-0.23289158866713966</v>
      </c>
    </row>
    <row r="19" spans="1:29">
      <c r="A19" s="8">
        <v>40604</v>
      </c>
      <c r="B19" s="7">
        <v>3.8107414162994457E-2</v>
      </c>
      <c r="D19" s="8">
        <v>39784</v>
      </c>
      <c r="E19" s="7">
        <v>1.6622896159398826E-2</v>
      </c>
      <c r="G19" s="8">
        <v>41033</v>
      </c>
      <c r="H19" s="7">
        <v>-2.348872808900504E-3</v>
      </c>
      <c r="J19" s="8">
        <v>39869</v>
      </c>
      <c r="K19" s="7">
        <v>-0.22075331025308376</v>
      </c>
      <c r="M19" s="8">
        <v>42174</v>
      </c>
      <c r="N19" s="7">
        <v>0.27759101299062783</v>
      </c>
      <c r="P19" s="8">
        <v>39784</v>
      </c>
      <c r="Q19" s="7">
        <v>-0.21257811996545095</v>
      </c>
      <c r="S19" s="8">
        <v>41544</v>
      </c>
      <c r="T19" s="7">
        <v>0.17284785662633961</v>
      </c>
      <c r="V19" s="8">
        <v>39877</v>
      </c>
      <c r="W19" s="7">
        <v>-0.22075331025308376</v>
      </c>
      <c r="Y19" s="8">
        <v>41366</v>
      </c>
      <c r="Z19" s="7">
        <v>0.30332541512101518</v>
      </c>
      <c r="AB19" s="8">
        <v>39742</v>
      </c>
      <c r="AC19" s="7">
        <v>-0.23632384106683924</v>
      </c>
    </row>
    <row r="20" spans="1:29">
      <c r="A20" s="8">
        <v>40654</v>
      </c>
      <c r="B20" s="7">
        <v>4.4952078432201059E-2</v>
      </c>
      <c r="D20" s="8">
        <v>39805</v>
      </c>
      <c r="E20" s="7">
        <v>-2.0636612200958138E-2</v>
      </c>
      <c r="G20" s="8">
        <v>41508</v>
      </c>
      <c r="H20" s="7">
        <v>-1.3600577250905466E-2</v>
      </c>
      <c r="J20" s="8">
        <v>39897</v>
      </c>
      <c r="K20" s="7">
        <v>-0.22304596383455511</v>
      </c>
      <c r="M20" s="8">
        <v>42488</v>
      </c>
      <c r="N20" s="7">
        <v>0.20192995469169039</v>
      </c>
      <c r="P20" s="8">
        <v>39806</v>
      </c>
      <c r="Q20" s="7">
        <v>-0.27257216796808326</v>
      </c>
      <c r="S20" s="8">
        <v>41620</v>
      </c>
      <c r="T20" s="7">
        <v>0.17177480277764223</v>
      </c>
      <c r="V20" s="8">
        <v>39904</v>
      </c>
      <c r="W20" s="7">
        <v>-0.22304596383455511</v>
      </c>
      <c r="Y20" s="8">
        <v>41417</v>
      </c>
      <c r="Z20" s="7">
        <v>0.27515202738813604</v>
      </c>
      <c r="AB20" s="8">
        <v>39751</v>
      </c>
      <c r="AC20" s="7">
        <v>-0.24187112551429568</v>
      </c>
    </row>
    <row r="21" spans="1:29">
      <c r="A21" s="8">
        <v>41039</v>
      </c>
      <c r="B21" s="7">
        <v>6.6772423457467589E-2</v>
      </c>
      <c r="D21" s="8">
        <v>39868</v>
      </c>
      <c r="E21" s="7">
        <v>1.5023907656133373E-2</v>
      </c>
      <c r="G21" s="8">
        <v>41747</v>
      </c>
      <c r="H21" s="7">
        <v>2.1350583397684364E-2</v>
      </c>
      <c r="J21" s="8">
        <v>39910</v>
      </c>
      <c r="K21" s="7">
        <v>-0.20301021595012192</v>
      </c>
      <c r="P21" s="8">
        <v>39867</v>
      </c>
      <c r="Q21" s="7">
        <v>-0.14211727411440622</v>
      </c>
      <c r="S21" s="8">
        <v>41666</v>
      </c>
      <c r="T21" s="7">
        <v>0.16054014503289027</v>
      </c>
      <c r="V21" s="8">
        <v>39917</v>
      </c>
      <c r="W21" s="7">
        <v>-0.20301021595012192</v>
      </c>
      <c r="Y21" s="8">
        <v>41520</v>
      </c>
      <c r="Z21" s="7">
        <v>0.31178622927995003</v>
      </c>
      <c r="AB21" s="8">
        <v>39783</v>
      </c>
      <c r="AC21" s="7">
        <v>-0.24373843801302886</v>
      </c>
    </row>
    <row r="22" spans="1:29">
      <c r="A22" s="8">
        <v>41213</v>
      </c>
      <c r="B22" s="7">
        <v>5.8459911066889747E-2</v>
      </c>
      <c r="D22" s="8">
        <v>39924</v>
      </c>
      <c r="E22" s="7">
        <v>0.10925702724391617</v>
      </c>
      <c r="G22" s="8">
        <v>42180</v>
      </c>
      <c r="H22" s="7">
        <v>4.111865920538138E-2</v>
      </c>
      <c r="J22" s="8">
        <v>39925</v>
      </c>
      <c r="K22" s="7">
        <v>-0.2052623348509085</v>
      </c>
      <c r="P22" s="8">
        <v>39913</v>
      </c>
      <c r="Q22" s="7">
        <v>-0.12690658748522887</v>
      </c>
      <c r="S22" s="8">
        <v>41697</v>
      </c>
      <c r="T22" s="7">
        <v>0.16988050837319535</v>
      </c>
      <c r="V22" s="8">
        <v>39932</v>
      </c>
      <c r="W22" s="7">
        <v>-0.2052623348509085</v>
      </c>
      <c r="Y22" s="8">
        <v>41752</v>
      </c>
      <c r="Z22" s="7">
        <v>0.29223165194906864</v>
      </c>
      <c r="AB22" s="8">
        <v>39808</v>
      </c>
      <c r="AC22" s="7">
        <v>-0.2633122666762211</v>
      </c>
    </row>
    <row r="23" spans="1:29">
      <c r="A23" s="8">
        <v>41410</v>
      </c>
      <c r="B23" s="7">
        <v>5.5878301527702234E-2</v>
      </c>
      <c r="D23" s="8">
        <v>39959</v>
      </c>
      <c r="E23" s="7">
        <v>8.6147941337609835E-2</v>
      </c>
      <c r="G23" s="8">
        <v>42453</v>
      </c>
      <c r="H23" s="7">
        <v>1.3880089633147685E-2</v>
      </c>
      <c r="J23" s="8">
        <v>39958</v>
      </c>
      <c r="K23" s="7">
        <v>-0.22715631424498883</v>
      </c>
      <c r="P23" s="8">
        <v>39960</v>
      </c>
      <c r="Q23" s="7">
        <v>-0.18555713733354928</v>
      </c>
      <c r="S23" s="8">
        <v>41997</v>
      </c>
      <c r="T23" s="7">
        <v>0.56494773337106596</v>
      </c>
      <c r="V23" s="8">
        <v>39967</v>
      </c>
      <c r="W23" s="7">
        <v>-0.22715631424498883</v>
      </c>
      <c r="Y23" s="8">
        <v>41970</v>
      </c>
      <c r="Z23" s="7">
        <v>0.36931925442012759</v>
      </c>
      <c r="AB23" s="8">
        <v>39864</v>
      </c>
      <c r="AC23" s="7">
        <v>-0.14754705143962721</v>
      </c>
    </row>
    <row r="24" spans="1:29">
      <c r="A24" s="8">
        <v>41431</v>
      </c>
      <c r="B24" s="7">
        <v>5.3340132533645335E-2</v>
      </c>
      <c r="D24" s="8">
        <v>40001</v>
      </c>
      <c r="E24" s="7">
        <v>0.27107365286417395</v>
      </c>
      <c r="J24" s="8">
        <v>40002</v>
      </c>
      <c r="K24" s="7">
        <v>-0.11338865971184608</v>
      </c>
      <c r="P24" s="8">
        <v>39993</v>
      </c>
      <c r="Q24" s="7">
        <v>-0.14666189208319791</v>
      </c>
      <c r="S24" s="8">
        <v>42129</v>
      </c>
      <c r="T24" s="7">
        <v>0.73496429144377995</v>
      </c>
      <c r="V24" s="8">
        <v>40009</v>
      </c>
      <c r="W24" s="7">
        <v>-0.11338865971184608</v>
      </c>
      <c r="Y24" s="8">
        <v>42376</v>
      </c>
      <c r="Z24" s="7">
        <v>0.22924275448988474</v>
      </c>
      <c r="AB24" s="8">
        <v>39926</v>
      </c>
      <c r="AC24" s="7">
        <v>-2.7532971725123478E-2</v>
      </c>
    </row>
    <row r="25" spans="1:29">
      <c r="A25" s="8">
        <v>41515</v>
      </c>
      <c r="B25" s="7">
        <v>3.2006661494989208E-2</v>
      </c>
      <c r="D25" s="8">
        <v>40038</v>
      </c>
      <c r="E25" s="7">
        <v>0.16807723495679583</v>
      </c>
      <c r="J25" s="8">
        <v>40037</v>
      </c>
      <c r="K25" s="7">
        <v>-0.20186149165370038</v>
      </c>
      <c r="P25" s="8">
        <v>40017</v>
      </c>
      <c r="Q25" s="7">
        <v>-5.6103562263455475E-2</v>
      </c>
      <c r="S25" s="8">
        <v>42174</v>
      </c>
      <c r="T25" s="7">
        <v>0.62652902322854365</v>
      </c>
      <c r="V25" s="8">
        <v>40044</v>
      </c>
      <c r="W25" s="7">
        <v>-0.20186149165370038</v>
      </c>
      <c r="Y25" s="8">
        <v>42453</v>
      </c>
      <c r="Z25" s="7">
        <v>0.2185187173732881</v>
      </c>
      <c r="AB25" s="8">
        <v>39966</v>
      </c>
      <c r="AC25" s="7">
        <v>1.2701860006036902E-4</v>
      </c>
    </row>
    <row r="26" spans="1:29">
      <c r="A26" s="8">
        <v>41813</v>
      </c>
      <c r="B26" s="7">
        <v>8.3503483375109155E-3</v>
      </c>
      <c r="D26" s="8">
        <v>40085</v>
      </c>
      <c r="E26" s="7">
        <v>0.16561983718543383</v>
      </c>
      <c r="J26" s="8">
        <v>40085</v>
      </c>
      <c r="K26" s="7">
        <v>-0.22206787309360476</v>
      </c>
      <c r="P26" s="8">
        <v>40037</v>
      </c>
      <c r="Q26" s="7">
        <v>-0.22245362752791575</v>
      </c>
      <c r="S26" s="8">
        <v>42499</v>
      </c>
      <c r="T26" s="7">
        <v>0.64941102589998878</v>
      </c>
      <c r="V26" s="8">
        <v>40100</v>
      </c>
      <c r="W26" s="7">
        <v>-0.22206787309360476</v>
      </c>
      <c r="Y26" s="8">
        <v>42653</v>
      </c>
      <c r="Z26" s="7">
        <v>0.23172043695479716</v>
      </c>
      <c r="AB26" s="8">
        <v>39990</v>
      </c>
      <c r="AC26" s="7">
        <v>6.5468650481931068E-2</v>
      </c>
    </row>
    <row r="27" spans="1:29">
      <c r="A27" s="8">
        <v>41970</v>
      </c>
      <c r="B27" s="7">
        <v>0.10342338118076189</v>
      </c>
      <c r="D27" s="8">
        <v>40128</v>
      </c>
      <c r="E27" s="7">
        <v>0.22276013947861584</v>
      </c>
      <c r="J27" s="8">
        <v>40123</v>
      </c>
      <c r="K27" s="7">
        <v>-0.21071139938387762</v>
      </c>
      <c r="P27" s="8">
        <v>40084</v>
      </c>
      <c r="Q27" s="7">
        <v>-0.28549792799862539</v>
      </c>
      <c r="S27" s="8">
        <v>42536</v>
      </c>
      <c r="T27" s="7">
        <v>0.65036005410821685</v>
      </c>
      <c r="V27" s="8">
        <v>40133</v>
      </c>
      <c r="W27" s="7">
        <v>-0.21071139938387762</v>
      </c>
      <c r="Y27" s="8">
        <v>42681</v>
      </c>
      <c r="Z27" s="7">
        <v>0.22636513070716768</v>
      </c>
      <c r="AB27" s="8">
        <v>40035</v>
      </c>
      <c r="AC27" s="7">
        <v>-2.2505825245934918E-2</v>
      </c>
    </row>
    <row r="28" spans="1:29">
      <c r="A28" s="8">
        <v>42174</v>
      </c>
      <c r="B28" s="7">
        <v>8.0908464096296484E-3</v>
      </c>
      <c r="D28" s="8">
        <v>40143</v>
      </c>
      <c r="E28" s="7">
        <v>0.15793346323442869</v>
      </c>
      <c r="J28" s="8">
        <v>40144</v>
      </c>
      <c r="K28" s="7">
        <v>-0.25322448661736718</v>
      </c>
      <c r="P28" s="8">
        <v>40123</v>
      </c>
      <c r="Q28" s="7">
        <v>-0.27652928274337796</v>
      </c>
      <c r="S28" s="8">
        <v>42615</v>
      </c>
      <c r="T28" s="7">
        <v>0.76668915820868166</v>
      </c>
      <c r="V28" s="8">
        <v>40154</v>
      </c>
      <c r="W28" s="7">
        <v>-0.25322448661736718</v>
      </c>
      <c r="AB28" s="8">
        <v>40099</v>
      </c>
      <c r="AC28" s="7">
        <v>4.8477110288399405E-2</v>
      </c>
    </row>
    <row r="29" spans="1:29">
      <c r="A29" s="8">
        <v>42314</v>
      </c>
      <c r="B29" s="7">
        <v>4.1693874623284E-2</v>
      </c>
      <c r="D29" s="8">
        <v>40196</v>
      </c>
      <c r="E29" s="7">
        <v>0.12687687700157069</v>
      </c>
      <c r="J29" s="8">
        <v>40169</v>
      </c>
      <c r="K29" s="7">
        <v>-0.27273552249170219</v>
      </c>
      <c r="P29" s="8">
        <v>40158</v>
      </c>
      <c r="Q29" s="7">
        <v>-0.16655446265788643</v>
      </c>
      <c r="V29" s="8">
        <v>40177</v>
      </c>
      <c r="W29" s="7">
        <v>-0.27273552249170219</v>
      </c>
      <c r="AB29" s="8">
        <v>40123</v>
      </c>
      <c r="AC29" s="7">
        <v>0.17412106152130691</v>
      </c>
    </row>
    <row r="30" spans="1:29">
      <c r="A30" s="8">
        <v>42613</v>
      </c>
      <c r="B30" s="7">
        <v>8.980906513706155E-2</v>
      </c>
      <c r="D30" s="8">
        <v>40247</v>
      </c>
      <c r="E30" s="7">
        <v>0.145657003589448</v>
      </c>
      <c r="J30" s="8">
        <v>40197</v>
      </c>
      <c r="K30" s="7">
        <v>-0.27098671791295847</v>
      </c>
      <c r="P30" s="8">
        <v>40164</v>
      </c>
      <c r="Q30" s="7">
        <v>-0.2162849146097916</v>
      </c>
      <c r="V30" s="8">
        <v>40205</v>
      </c>
      <c r="W30" s="7">
        <v>-0.27098671791295847</v>
      </c>
      <c r="AB30" s="8">
        <v>40198</v>
      </c>
      <c r="AC30" s="7">
        <v>0.14660259914190132</v>
      </c>
    </row>
    <row r="31" spans="1:29">
      <c r="D31" s="8">
        <v>40252</v>
      </c>
      <c r="E31" s="7">
        <v>0.13858518004687093</v>
      </c>
      <c r="J31" s="8">
        <v>40255</v>
      </c>
      <c r="K31" s="7">
        <v>-0.26745705348908189</v>
      </c>
      <c r="P31" s="8">
        <v>40196</v>
      </c>
      <c r="Q31" s="7">
        <v>-0.28235151822540461</v>
      </c>
      <c r="V31" s="8">
        <v>40274</v>
      </c>
      <c r="W31" s="7">
        <v>-0.26745705348908189</v>
      </c>
      <c r="AB31" s="8">
        <v>40253</v>
      </c>
      <c r="AC31" s="7">
        <v>0.15447761699315055</v>
      </c>
    </row>
    <row r="32" spans="1:29">
      <c r="D32" s="8">
        <v>40287</v>
      </c>
      <c r="E32" s="7">
        <v>8.2816459025335964E-2</v>
      </c>
      <c r="J32" s="8">
        <v>40283</v>
      </c>
      <c r="K32" s="7">
        <v>-0.28593947699497602</v>
      </c>
      <c r="P32" s="8">
        <v>40247</v>
      </c>
      <c r="Q32" s="7">
        <v>-0.17388103245110687</v>
      </c>
      <c r="V32" s="8">
        <v>40298</v>
      </c>
      <c r="W32" s="7">
        <v>-0.28593947699497602</v>
      </c>
      <c r="AB32" s="8">
        <v>40262</v>
      </c>
      <c r="AC32" s="7">
        <v>0.13740872749459587</v>
      </c>
    </row>
    <row r="33" spans="4:29">
      <c r="D33" s="8">
        <v>40331</v>
      </c>
      <c r="E33" s="7">
        <v>-2.945805809103641E-4</v>
      </c>
      <c r="J33" s="8">
        <v>40319</v>
      </c>
      <c r="K33" s="7">
        <v>-0.29834292186905231</v>
      </c>
      <c r="P33" s="8">
        <v>40288</v>
      </c>
      <c r="Q33" s="7">
        <v>-0.26756462670922876</v>
      </c>
      <c r="V33" s="8">
        <v>40336</v>
      </c>
      <c r="W33" s="7">
        <v>-0.29834292186905231</v>
      </c>
      <c r="AB33" s="8">
        <v>40283</v>
      </c>
      <c r="AC33" s="7">
        <v>0.17238252526515163</v>
      </c>
    </row>
    <row r="34" spans="4:29">
      <c r="D34" s="8">
        <v>40372</v>
      </c>
      <c r="E34" s="7">
        <v>2.0639735025080874E-3</v>
      </c>
      <c r="J34" s="8">
        <v>40399</v>
      </c>
      <c r="K34" s="7">
        <v>-0.29227682461276239</v>
      </c>
      <c r="P34" s="8">
        <v>40336</v>
      </c>
      <c r="Q34" s="7">
        <v>-0.3127070225977201</v>
      </c>
      <c r="V34" s="8">
        <v>40414</v>
      </c>
      <c r="W34" s="7">
        <v>-0.29227682461276239</v>
      </c>
      <c r="AB34" s="8">
        <v>40332</v>
      </c>
      <c r="AC34" s="7">
        <v>8.8149763185983776E-2</v>
      </c>
    </row>
    <row r="35" spans="4:29">
      <c r="D35" s="8">
        <v>40399</v>
      </c>
      <c r="E35" s="7">
        <v>1.6447410110010052E-2</v>
      </c>
      <c r="J35" s="8">
        <v>40441</v>
      </c>
      <c r="K35" s="7">
        <v>-0.3237773415079811</v>
      </c>
      <c r="P35" s="8">
        <v>40400</v>
      </c>
      <c r="Q35" s="7">
        <v>-0.26953820748815549</v>
      </c>
      <c r="V35" s="8">
        <v>40465</v>
      </c>
      <c r="W35" s="7">
        <v>-0.3237773415079811</v>
      </c>
      <c r="AB35" s="8">
        <v>40375</v>
      </c>
      <c r="AC35" s="7">
        <v>-0.1000522398807745</v>
      </c>
    </row>
    <row r="36" spans="4:29">
      <c r="D36" s="8">
        <v>40441</v>
      </c>
      <c r="E36" s="7">
        <v>-1.0957952599472742E-2</v>
      </c>
      <c r="J36" s="8">
        <v>40484</v>
      </c>
      <c r="K36" s="7">
        <v>-0.27113672867253569</v>
      </c>
      <c r="P36" s="8">
        <v>40448</v>
      </c>
      <c r="Q36" s="7">
        <v>-0.31349149586279379</v>
      </c>
      <c r="V36" s="8">
        <v>40498</v>
      </c>
      <c r="W36" s="7">
        <v>-0.27113672867253569</v>
      </c>
      <c r="AB36" s="8">
        <v>40417</v>
      </c>
      <c r="AC36" s="7">
        <v>-0.12113209732500863</v>
      </c>
    </row>
    <row r="37" spans="4:29">
      <c r="D37" s="8">
        <v>40484</v>
      </c>
      <c r="E37" s="7">
        <v>4.5557640347683837E-2</v>
      </c>
      <c r="J37" s="8">
        <v>40540</v>
      </c>
      <c r="K37" s="7">
        <v>-0.29101481789055739</v>
      </c>
      <c r="P37" s="8">
        <v>40484</v>
      </c>
      <c r="Q37" s="7">
        <v>-0.29838264295193362</v>
      </c>
      <c r="V37" s="8">
        <v>40547</v>
      </c>
      <c r="W37" s="7">
        <v>-0.29101481789055739</v>
      </c>
      <c r="AB37" s="8">
        <v>40484</v>
      </c>
      <c r="AC37" s="7">
        <v>-9.8047386935796954E-2</v>
      </c>
    </row>
    <row r="38" spans="4:29">
      <c r="D38" s="8">
        <v>40569</v>
      </c>
      <c r="E38" s="7">
        <v>4.3074130513128805E-2</v>
      </c>
      <c r="J38" s="8">
        <v>40574</v>
      </c>
      <c r="K38" s="7">
        <v>-0.29319631075858632</v>
      </c>
      <c r="P38" s="8">
        <v>40602</v>
      </c>
      <c r="Q38" s="7">
        <v>-0.27328753629149605</v>
      </c>
      <c r="V38" s="8">
        <v>40584</v>
      </c>
      <c r="W38" s="7">
        <v>-0.29319631075858632</v>
      </c>
      <c r="AB38" s="8">
        <v>40542</v>
      </c>
      <c r="AC38" s="7">
        <v>-0.11914569367414085</v>
      </c>
    </row>
    <row r="39" spans="4:29">
      <c r="D39" s="8">
        <v>40604</v>
      </c>
      <c r="E39" s="7">
        <v>2.8653750828615543E-2</v>
      </c>
      <c r="J39" s="8">
        <v>40604</v>
      </c>
      <c r="K39" s="7">
        <v>-0.28665183215449908</v>
      </c>
      <c r="P39" s="8">
        <v>40626</v>
      </c>
      <c r="Q39" s="7">
        <v>-0.31913382594827411</v>
      </c>
      <c r="V39" s="8">
        <v>40609</v>
      </c>
      <c r="W39" s="7">
        <v>-0.28665183215449908</v>
      </c>
      <c r="AB39" s="8">
        <v>40569</v>
      </c>
      <c r="AC39" s="7">
        <v>-0.14651204105513849</v>
      </c>
    </row>
    <row r="40" spans="4:29">
      <c r="D40" s="8">
        <v>40625</v>
      </c>
      <c r="E40" s="7">
        <v>5.2575931080443894E-2</v>
      </c>
      <c r="J40" s="8">
        <v>40623</v>
      </c>
      <c r="K40" s="7">
        <v>-0.30800956173071159</v>
      </c>
      <c r="P40" s="8">
        <v>40632</v>
      </c>
      <c r="Q40" s="7">
        <v>-0.31723196512690055</v>
      </c>
      <c r="V40" s="8">
        <v>40626</v>
      </c>
      <c r="W40" s="7">
        <v>-0.30800956173071159</v>
      </c>
      <c r="AB40" s="8">
        <v>40620</v>
      </c>
      <c r="AC40" s="7">
        <v>-0.136490656018604</v>
      </c>
    </row>
    <row r="41" spans="4:29">
      <c r="D41" s="8">
        <v>40654</v>
      </c>
      <c r="E41" s="7">
        <v>7.1288392077429652E-2</v>
      </c>
      <c r="J41" s="8">
        <v>40658</v>
      </c>
      <c r="K41" s="7">
        <v>-0.31006294582053151</v>
      </c>
      <c r="P41" s="8">
        <v>40660</v>
      </c>
      <c r="Q41" s="7">
        <v>-0.36081290352305584</v>
      </c>
      <c r="V41" s="8">
        <v>40661</v>
      </c>
      <c r="W41" s="7">
        <v>-0.31006294582053151</v>
      </c>
      <c r="AB41" s="8">
        <v>40655</v>
      </c>
      <c r="AC41" s="7">
        <v>-8.1470591623329369E-2</v>
      </c>
    </row>
    <row r="42" spans="4:29">
      <c r="D42" s="8">
        <v>40680</v>
      </c>
      <c r="E42" s="7">
        <v>6.8913029789009705E-2</v>
      </c>
      <c r="J42" s="8">
        <v>40687</v>
      </c>
      <c r="K42" s="7">
        <v>-0.32032986626963067</v>
      </c>
      <c r="P42" s="8">
        <v>40716</v>
      </c>
      <c r="Q42" s="7">
        <v>-0.40920561745190964</v>
      </c>
      <c r="V42" s="8">
        <v>40690</v>
      </c>
      <c r="W42" s="7">
        <v>-0.32032986626963067</v>
      </c>
      <c r="AB42" s="8">
        <v>40702</v>
      </c>
      <c r="AC42" s="7">
        <v>-0.10784728071522698</v>
      </c>
    </row>
    <row r="43" spans="4:29">
      <c r="D43" s="8">
        <v>40686</v>
      </c>
      <c r="E43" s="7">
        <v>4.3184269772206241E-2</v>
      </c>
      <c r="J43" s="8">
        <v>40744</v>
      </c>
      <c r="K43" s="7">
        <v>-0.33327596405497106</v>
      </c>
      <c r="P43" s="8">
        <v>40745</v>
      </c>
      <c r="Q43" s="7">
        <v>-0.42196363567969231</v>
      </c>
      <c r="V43" s="8">
        <v>40749</v>
      </c>
      <c r="W43" s="7">
        <v>-0.33327596405497106</v>
      </c>
      <c r="AB43" s="8">
        <v>40736</v>
      </c>
      <c r="AC43" s="7">
        <v>-0.16258965320865426</v>
      </c>
    </row>
    <row r="44" spans="4:29">
      <c r="D44" s="8">
        <v>40714</v>
      </c>
      <c r="E44" s="7">
        <v>-1.3561821955959674E-3</v>
      </c>
      <c r="J44" s="8">
        <v>40800</v>
      </c>
      <c r="K44" s="7">
        <v>-0.34003330225711659</v>
      </c>
      <c r="P44" s="8">
        <v>40801</v>
      </c>
      <c r="Q44" s="7">
        <v>-0.43187283049661185</v>
      </c>
      <c r="V44" s="8">
        <v>40806</v>
      </c>
      <c r="W44" s="7">
        <v>-0.34003330225711659</v>
      </c>
      <c r="AB44" s="8">
        <v>40795</v>
      </c>
      <c r="AC44" s="7">
        <v>-0.12377919150352945</v>
      </c>
    </row>
    <row r="45" spans="4:29">
      <c r="D45" s="8">
        <v>40737</v>
      </c>
      <c r="E45" s="7">
        <v>-3.256380150198368E-2</v>
      </c>
      <c r="J45" s="8">
        <v>40850</v>
      </c>
      <c r="K45" s="7">
        <v>-0.32892275179006469</v>
      </c>
      <c r="P45" s="8">
        <v>40849</v>
      </c>
      <c r="Q45" s="7">
        <v>-0.41529324383795263</v>
      </c>
      <c r="V45" s="8">
        <v>40856</v>
      </c>
      <c r="W45" s="7">
        <v>-0.32892275179006469</v>
      </c>
      <c r="AB45" s="8">
        <v>40861</v>
      </c>
      <c r="AC45" s="7">
        <v>-8.4836044459241866E-2</v>
      </c>
    </row>
    <row r="46" spans="4:29">
      <c r="D46" s="8">
        <v>40800</v>
      </c>
      <c r="E46" s="7">
        <v>-5.3393767498352451E-2</v>
      </c>
      <c r="J46" s="8">
        <v>40904</v>
      </c>
      <c r="K46" s="7">
        <v>-0.33584107393655893</v>
      </c>
      <c r="P46" s="8">
        <v>40861</v>
      </c>
      <c r="Q46" s="7">
        <v>-0.42402021034783399</v>
      </c>
      <c r="V46" s="8">
        <v>40910</v>
      </c>
      <c r="W46" s="7">
        <v>-0.33584107393655893</v>
      </c>
      <c r="AB46" s="8">
        <v>40900</v>
      </c>
      <c r="AC46" s="7">
        <v>-9.2399382934785335E-2</v>
      </c>
    </row>
    <row r="47" spans="4:29">
      <c r="D47" s="8">
        <v>40805</v>
      </c>
      <c r="E47" s="7">
        <v>-6.03201545654376E-2</v>
      </c>
      <c r="J47" s="8">
        <v>40945</v>
      </c>
      <c r="K47" s="7">
        <v>-0.31082138836567585</v>
      </c>
      <c r="P47" s="8">
        <v>40942</v>
      </c>
      <c r="Q47" s="7">
        <v>-0.39042138928479098</v>
      </c>
      <c r="V47" s="8">
        <v>40948</v>
      </c>
      <c r="W47" s="7">
        <v>-0.31082138836567585</v>
      </c>
      <c r="AB47" s="8">
        <v>40949</v>
      </c>
      <c r="AC47" s="7">
        <v>-5.3065166785891571E-2</v>
      </c>
    </row>
    <row r="48" spans="4:29">
      <c r="D48" s="8">
        <v>40812</v>
      </c>
      <c r="E48" s="7">
        <v>-7.4380202128049411E-2</v>
      </c>
      <c r="J48" s="8">
        <v>40975</v>
      </c>
      <c r="K48" s="7">
        <v>-0.32429067719240534</v>
      </c>
      <c r="P48" s="8">
        <v>40981</v>
      </c>
      <c r="Q48" s="7">
        <v>-0.39395859592337057</v>
      </c>
      <c r="V48" s="8">
        <v>40980</v>
      </c>
      <c r="W48" s="7">
        <v>-0.32429067719240534</v>
      </c>
      <c r="AB48" s="8">
        <v>40981</v>
      </c>
      <c r="AC48" s="7">
        <v>-7.4586412995302998E-2</v>
      </c>
    </row>
    <row r="49" spans="4:29">
      <c r="D49" s="8">
        <v>40857</v>
      </c>
      <c r="E49" s="7">
        <v>-5.2022235995876631E-2</v>
      </c>
      <c r="J49" s="8">
        <v>41033</v>
      </c>
      <c r="K49" s="7">
        <v>-0.3153408848373378</v>
      </c>
      <c r="P49" s="8">
        <v>41073</v>
      </c>
      <c r="Q49" s="7">
        <v>-0.43231564681429646</v>
      </c>
      <c r="V49" s="8">
        <v>41038</v>
      </c>
      <c r="W49" s="7">
        <v>-0.3153408848373378</v>
      </c>
      <c r="AB49" s="8">
        <v>41044</v>
      </c>
      <c r="AC49" s="7">
        <v>-4.7070203053066306E-2</v>
      </c>
    </row>
    <row r="50" spans="4:29">
      <c r="D50" s="8">
        <v>40939</v>
      </c>
      <c r="E50" s="7">
        <v>-2.2468972369848794E-2</v>
      </c>
      <c r="J50" s="8">
        <v>41074</v>
      </c>
      <c r="K50" s="7">
        <v>-0.35413823469655525</v>
      </c>
      <c r="P50" s="8">
        <v>41141</v>
      </c>
      <c r="Q50" s="7">
        <v>-0.45486385710438282</v>
      </c>
      <c r="V50" s="8">
        <v>41079</v>
      </c>
      <c r="W50" s="7">
        <v>-0.35413823469655525</v>
      </c>
      <c r="AB50" s="8">
        <v>41101</v>
      </c>
      <c r="AC50" s="7">
        <v>-0.10634334831770809</v>
      </c>
    </row>
    <row r="51" spans="4:29">
      <c r="D51" s="8">
        <v>40959</v>
      </c>
      <c r="E51" s="7">
        <v>-2.0242250211237822E-2</v>
      </c>
      <c r="J51" s="8">
        <v>41114</v>
      </c>
      <c r="K51" s="7">
        <v>-0.38620229396693895</v>
      </c>
      <c r="P51" s="8">
        <v>41177</v>
      </c>
      <c r="Q51" s="7">
        <v>-0.429857612017428</v>
      </c>
      <c r="V51" s="8">
        <v>41117</v>
      </c>
      <c r="W51" s="7">
        <v>-0.38620229396693895</v>
      </c>
      <c r="AB51" s="8">
        <v>41113</v>
      </c>
      <c r="AC51" s="7">
        <v>-0.12439701804866354</v>
      </c>
    </row>
    <row r="52" spans="4:29">
      <c r="D52" s="8">
        <v>40967</v>
      </c>
      <c r="E52" s="7">
        <v>-1.8035588612614561E-2</v>
      </c>
      <c r="J52" s="8">
        <v>41149</v>
      </c>
      <c r="K52" s="7">
        <v>-0.3839783892349351</v>
      </c>
      <c r="P52" s="8">
        <v>41233</v>
      </c>
      <c r="Q52" s="7">
        <v>-0.43962450517344642</v>
      </c>
      <c r="V52" s="8">
        <v>41152</v>
      </c>
      <c r="W52" s="7">
        <v>-0.3839783892349351</v>
      </c>
      <c r="AB52" s="8">
        <v>41142</v>
      </c>
      <c r="AC52" s="7">
        <v>-0.11541647464403426</v>
      </c>
    </row>
    <row r="53" spans="4:29">
      <c r="D53" s="8">
        <v>40974</v>
      </c>
      <c r="E53" s="7">
        <v>-3.7985204193848099E-2</v>
      </c>
      <c r="J53" s="8">
        <v>41212</v>
      </c>
      <c r="K53" s="7">
        <v>-0.38622664328882228</v>
      </c>
      <c r="P53" s="8">
        <v>41281</v>
      </c>
      <c r="Q53" s="7">
        <v>-0.40602597443438115</v>
      </c>
      <c r="V53" s="8">
        <v>41215</v>
      </c>
      <c r="W53" s="7">
        <v>-0.38622664328882228</v>
      </c>
      <c r="AB53" s="8">
        <v>41177</v>
      </c>
      <c r="AC53" s="7">
        <v>-0.12181490882382429</v>
      </c>
    </row>
    <row r="54" spans="4:29">
      <c r="D54" s="8">
        <v>41039</v>
      </c>
      <c r="E54" s="7">
        <v>-1.7896728179334409E-2</v>
      </c>
      <c r="J54" s="8">
        <v>41235</v>
      </c>
      <c r="K54" s="7">
        <v>-0.40140831642302111</v>
      </c>
      <c r="P54" s="8">
        <v>41296</v>
      </c>
      <c r="Q54" s="7">
        <v>-0.42002929134359024</v>
      </c>
      <c r="V54" s="8">
        <v>41240</v>
      </c>
      <c r="W54" s="7">
        <v>-0.40140831642302111</v>
      </c>
      <c r="AB54" s="8">
        <v>41218</v>
      </c>
      <c r="AC54" s="7">
        <v>-3.899674186237001E-2</v>
      </c>
    </row>
    <row r="55" spans="4:29">
      <c r="D55" s="8">
        <v>41079</v>
      </c>
      <c r="E55" s="7">
        <v>-6.9834881977542729E-2</v>
      </c>
      <c r="J55" s="8">
        <v>41278</v>
      </c>
      <c r="K55" s="7">
        <v>-0.37611571007469813</v>
      </c>
      <c r="P55" s="8">
        <v>41327</v>
      </c>
      <c r="Q55" s="7">
        <v>-0.44037914077013096</v>
      </c>
      <c r="V55" s="8">
        <v>41283</v>
      </c>
      <c r="W55" s="7">
        <v>-0.37611571007469813</v>
      </c>
      <c r="AB55" s="8">
        <v>41278</v>
      </c>
      <c r="AC55" s="7">
        <v>0.16902530486864142</v>
      </c>
    </row>
    <row r="56" spans="4:29">
      <c r="D56" s="8">
        <v>41114</v>
      </c>
      <c r="E56" s="7">
        <v>-0.13341578877907778</v>
      </c>
      <c r="J56" s="8">
        <v>41327</v>
      </c>
      <c r="K56" s="7">
        <v>-0.38846985442965454</v>
      </c>
      <c r="P56" s="8">
        <v>41360</v>
      </c>
      <c r="Q56" s="7">
        <v>-0.45187032884466627</v>
      </c>
      <c r="V56" s="8">
        <v>41332</v>
      </c>
      <c r="W56" s="7">
        <v>-0.38846985442965454</v>
      </c>
      <c r="AB56" s="8">
        <v>41326</v>
      </c>
      <c r="AC56" s="7">
        <v>0.30084023104403479</v>
      </c>
    </row>
    <row r="57" spans="4:29">
      <c r="D57" s="8">
        <v>41151</v>
      </c>
      <c r="E57" s="7">
        <v>-0.10071449778960906</v>
      </c>
      <c r="J57" s="8">
        <v>41374</v>
      </c>
      <c r="K57" s="7">
        <v>-0.40082399878461106</v>
      </c>
      <c r="P57" s="8">
        <v>41390</v>
      </c>
      <c r="Q57" s="7">
        <v>-0.4564003261269417</v>
      </c>
      <c r="V57" s="8">
        <v>41379</v>
      </c>
      <c r="W57" s="7">
        <v>-0.40082399878461106</v>
      </c>
      <c r="AB57" s="8">
        <v>41366</v>
      </c>
      <c r="AC57" s="7">
        <v>0.27049608772353517</v>
      </c>
    </row>
    <row r="58" spans="4:29">
      <c r="D58" s="8">
        <v>41213</v>
      </c>
      <c r="E58" s="7">
        <v>-9.5981416199028002E-2</v>
      </c>
      <c r="J58" s="8">
        <v>41431</v>
      </c>
      <c r="K58" s="7">
        <v>-0.39462562635824494</v>
      </c>
      <c r="P58" s="8">
        <v>41418</v>
      </c>
      <c r="Q58" s="7">
        <v>-0.46410315551380699</v>
      </c>
      <c r="V58" s="8">
        <v>41439</v>
      </c>
      <c r="W58" s="7">
        <v>-0.39462562635824494</v>
      </c>
      <c r="AB58" s="8">
        <v>41417</v>
      </c>
      <c r="AC58" s="7">
        <v>0.35510904438545077</v>
      </c>
    </row>
    <row r="59" spans="4:29">
      <c r="D59" s="8">
        <v>41281</v>
      </c>
      <c r="E59" s="7">
        <v>-9.3267851092974086E-3</v>
      </c>
      <c r="J59" s="8">
        <v>41486</v>
      </c>
      <c r="K59" s="7">
        <v>-0.38302841613522276</v>
      </c>
      <c r="P59" s="8">
        <v>41488</v>
      </c>
      <c r="Q59" s="7">
        <v>-0.45050171276035034</v>
      </c>
      <c r="V59" s="8">
        <v>41491</v>
      </c>
      <c r="W59" s="7">
        <v>-0.38302841613522276</v>
      </c>
      <c r="AB59" s="8">
        <v>41486</v>
      </c>
      <c r="AC59" s="7">
        <v>0.30468638226878286</v>
      </c>
    </row>
    <row r="60" spans="4:29">
      <c r="D60" s="8">
        <v>41295</v>
      </c>
      <c r="E60" s="7">
        <v>-6.9624098947611568E-3</v>
      </c>
      <c r="J60" s="8">
        <v>41508</v>
      </c>
      <c r="K60" s="7">
        <v>-0.39227143611821569</v>
      </c>
      <c r="P60" s="8">
        <v>41515</v>
      </c>
      <c r="Q60" s="7">
        <v>-0.45314989727716803</v>
      </c>
      <c r="V60" s="8">
        <v>41513</v>
      </c>
      <c r="W60" s="7">
        <v>-0.39227143611821569</v>
      </c>
      <c r="AB60" s="8">
        <v>41520</v>
      </c>
      <c r="AC60" s="7">
        <v>0.34216908496379772</v>
      </c>
    </row>
    <row r="61" spans="4:29">
      <c r="D61" s="8">
        <v>41326</v>
      </c>
      <c r="E61" s="7">
        <v>-7.1387667418367218E-2</v>
      </c>
      <c r="J61" s="8">
        <v>41547</v>
      </c>
      <c r="K61" s="7">
        <v>-0.40719810259952272</v>
      </c>
      <c r="P61" s="8">
        <v>41541</v>
      </c>
      <c r="Q61" s="7">
        <v>-0.48110001363855726</v>
      </c>
      <c r="V61" s="8">
        <v>41565</v>
      </c>
      <c r="W61" s="7">
        <v>-0.40719810259952272</v>
      </c>
      <c r="AB61" s="8">
        <v>41544</v>
      </c>
      <c r="AC61" s="7">
        <v>0.29306533795292711</v>
      </c>
    </row>
    <row r="62" spans="4:29">
      <c r="D62" s="8">
        <v>41366</v>
      </c>
      <c r="E62" s="7">
        <v>-9.3710079259271994E-2</v>
      </c>
      <c r="J62" s="8">
        <v>41584</v>
      </c>
      <c r="K62" s="7">
        <v>-0.41560664015130255</v>
      </c>
      <c r="P62" s="8">
        <v>41583</v>
      </c>
      <c r="Q62" s="7">
        <v>-0.49469025137659506</v>
      </c>
      <c r="V62" s="8">
        <v>41597</v>
      </c>
      <c r="W62" s="7">
        <v>-0.41560664015130255</v>
      </c>
      <c r="AB62" s="8">
        <v>41599</v>
      </c>
      <c r="AC62" s="7">
        <v>0.20986920388616315</v>
      </c>
    </row>
    <row r="63" spans="4:29">
      <c r="D63" s="8">
        <v>41410</v>
      </c>
      <c r="E63" s="7">
        <v>-9.8120249189883935E-2</v>
      </c>
      <c r="J63" s="8">
        <v>41618</v>
      </c>
      <c r="K63" s="7">
        <v>-0.41767163435571497</v>
      </c>
      <c r="P63" s="8">
        <v>41624</v>
      </c>
      <c r="Q63" s="7">
        <v>-0.48103323114353014</v>
      </c>
      <c r="V63" s="8">
        <v>41631</v>
      </c>
      <c r="W63" s="7">
        <v>-0.41767163435571497</v>
      </c>
      <c r="AB63" s="8">
        <v>41626</v>
      </c>
      <c r="AC63" s="7">
        <v>0.13302993574096789</v>
      </c>
    </row>
    <row r="64" spans="4:29">
      <c r="D64" s="8">
        <v>41431</v>
      </c>
      <c r="E64" s="7">
        <v>-0.10028822936010051</v>
      </c>
      <c r="J64" s="8">
        <v>41701</v>
      </c>
      <c r="K64" s="7">
        <v>-0.41999166768497498</v>
      </c>
      <c r="P64" s="8">
        <v>41660</v>
      </c>
      <c r="Q64" s="7">
        <v>-0.50359700370250704</v>
      </c>
      <c r="V64" s="8">
        <v>41712</v>
      </c>
      <c r="W64" s="7">
        <v>-0.41999166768497498</v>
      </c>
      <c r="AB64" s="8">
        <v>41698</v>
      </c>
      <c r="AC64" s="7">
        <v>0.16712933189185897</v>
      </c>
    </row>
    <row r="65" spans="4:29">
      <c r="D65" s="8">
        <v>41487</v>
      </c>
      <c r="E65" s="7">
        <v>-0.10486691521577429</v>
      </c>
      <c r="J65" s="8">
        <v>41747</v>
      </c>
      <c r="K65" s="7">
        <v>-0.39944019134310405</v>
      </c>
      <c r="P65" s="8">
        <v>41697</v>
      </c>
      <c r="Q65" s="7">
        <v>-0.51659184653751988</v>
      </c>
      <c r="V65" s="8">
        <v>41764</v>
      </c>
      <c r="W65" s="7">
        <v>-0.39944019134310405</v>
      </c>
      <c r="AB65" s="8">
        <v>41752</v>
      </c>
      <c r="AC65" s="7">
        <v>0.22587226515264125</v>
      </c>
    </row>
    <row r="66" spans="4:29">
      <c r="D66" s="8">
        <v>41515</v>
      </c>
      <c r="E66" s="7">
        <v>-0.12299619288229025</v>
      </c>
      <c r="J66" s="8">
        <v>41813</v>
      </c>
      <c r="K66" s="7">
        <v>-0.38131008391195242</v>
      </c>
      <c r="P66" s="8">
        <v>41750</v>
      </c>
      <c r="Q66" s="7">
        <v>-0.47338217918891845</v>
      </c>
      <c r="V66" s="8">
        <v>41824</v>
      </c>
      <c r="W66" s="7">
        <v>-0.38131008391195242</v>
      </c>
      <c r="AB66" s="8">
        <v>41810</v>
      </c>
      <c r="AC66" s="7">
        <v>5.5794812815780137E-2</v>
      </c>
    </row>
    <row r="67" spans="4:29">
      <c r="D67" s="8">
        <v>41544</v>
      </c>
      <c r="E67" s="7">
        <v>-0.17028561385432361</v>
      </c>
      <c r="J67" s="8">
        <v>41866</v>
      </c>
      <c r="K67" s="7">
        <v>-0.35001448504368537</v>
      </c>
      <c r="P67" s="8">
        <v>41807</v>
      </c>
      <c r="Q67" s="7">
        <v>-0.46385679224918319</v>
      </c>
      <c r="V67" s="8">
        <v>41879</v>
      </c>
      <c r="W67" s="7">
        <v>-0.35001448504368537</v>
      </c>
      <c r="AB67" s="8">
        <v>41865</v>
      </c>
      <c r="AC67" s="7">
        <v>0.10465804382213029</v>
      </c>
    </row>
    <row r="68" spans="4:29">
      <c r="D68" s="8">
        <v>41613</v>
      </c>
      <c r="E68" s="7">
        <v>-0.17676775749608675</v>
      </c>
      <c r="J68" s="8">
        <v>41906</v>
      </c>
      <c r="K68" s="7">
        <v>-0.35715718301023824</v>
      </c>
      <c r="P68" s="8">
        <v>41835</v>
      </c>
      <c r="Q68" s="7">
        <v>-0.47668318477910698</v>
      </c>
      <c r="V68" s="8">
        <v>41926</v>
      </c>
      <c r="W68" s="7">
        <v>-0.35715718301023824</v>
      </c>
      <c r="AB68" s="8">
        <v>41905</v>
      </c>
      <c r="AC68" s="7">
        <v>6.3490663307019801E-2</v>
      </c>
    </row>
    <row r="69" spans="4:29">
      <c r="D69" s="8">
        <v>41663</v>
      </c>
      <c r="E69" s="7">
        <v>-0.21596929285341593</v>
      </c>
      <c r="J69" s="8">
        <v>41936</v>
      </c>
      <c r="K69" s="7">
        <v>-0.36195451746538576</v>
      </c>
      <c r="P69" s="8">
        <v>41866</v>
      </c>
      <c r="Q69" s="7">
        <v>-0.45608969899495144</v>
      </c>
      <c r="V69" s="8">
        <v>41949</v>
      </c>
      <c r="W69" s="7">
        <v>-0.36195451746538576</v>
      </c>
      <c r="AB69" s="8">
        <v>41925</v>
      </c>
      <c r="AC69" s="7">
        <v>5.1730103049280274E-2</v>
      </c>
    </row>
    <row r="70" spans="4:29">
      <c r="D70" s="8">
        <v>41701</v>
      </c>
      <c r="E70" s="7">
        <v>-0.24323992614547107</v>
      </c>
      <c r="J70" s="8">
        <v>41970</v>
      </c>
      <c r="K70" s="7">
        <v>-0.27484129660272616</v>
      </c>
      <c r="P70" s="8">
        <v>41905</v>
      </c>
      <c r="Q70" s="7">
        <v>-0.48744594694646204</v>
      </c>
      <c r="V70" s="8">
        <v>41983</v>
      </c>
      <c r="W70" s="7">
        <v>-0.27484129660272616</v>
      </c>
      <c r="AB70" s="8">
        <v>41939</v>
      </c>
      <c r="AC70" s="7">
        <v>2.8208982533801219E-2</v>
      </c>
    </row>
    <row r="71" spans="4:29">
      <c r="D71" s="8">
        <v>41746</v>
      </c>
      <c r="E71" s="7">
        <v>-0.21151944400785605</v>
      </c>
      <c r="J71" s="8">
        <v>41991</v>
      </c>
      <c r="K71" s="7">
        <v>-0.28922121423383351</v>
      </c>
      <c r="P71" s="8">
        <v>41967</v>
      </c>
      <c r="Q71" s="7">
        <v>-0.43761430289959036</v>
      </c>
      <c r="V71" s="8">
        <v>42004</v>
      </c>
      <c r="W71" s="7">
        <v>-0.28922121423383351</v>
      </c>
      <c r="AB71" s="8">
        <v>41970</v>
      </c>
      <c r="AC71" s="7">
        <v>8.9546410063290116E-2</v>
      </c>
    </row>
    <row r="72" spans="4:29">
      <c r="D72" s="8">
        <v>41813</v>
      </c>
      <c r="E72" s="7">
        <v>-0.22737968507666351</v>
      </c>
      <c r="J72" s="8">
        <v>42026</v>
      </c>
      <c r="K72" s="7">
        <v>-0.17104353660042282</v>
      </c>
      <c r="P72" s="8">
        <v>41969</v>
      </c>
      <c r="Q72" s="7">
        <v>-0.43878593976854952</v>
      </c>
      <c r="V72" s="8">
        <v>42039</v>
      </c>
      <c r="W72" s="7">
        <v>-0.17104353660042282</v>
      </c>
      <c r="AB72" s="8">
        <v>41997</v>
      </c>
      <c r="AC72" s="7">
        <v>0.41875196253500468</v>
      </c>
    </row>
    <row r="73" spans="4:29">
      <c r="D73" s="8">
        <v>41864</v>
      </c>
      <c r="E73" s="7">
        <v>-0.21165776006368864</v>
      </c>
      <c r="J73" s="8">
        <v>42103</v>
      </c>
      <c r="K73" s="7">
        <v>-9.4400359935741807E-2</v>
      </c>
      <c r="P73" s="8">
        <v>41998</v>
      </c>
      <c r="Q73" s="7">
        <v>-0.32714122441167126</v>
      </c>
      <c r="V73" s="8">
        <v>42123</v>
      </c>
      <c r="W73" s="7">
        <v>-9.4400359935741807E-2</v>
      </c>
      <c r="AB73" s="8">
        <v>42011</v>
      </c>
      <c r="AC73" s="7">
        <v>0.38966291950073617</v>
      </c>
    </row>
    <row r="74" spans="4:29">
      <c r="D74" s="8">
        <v>41906</v>
      </c>
      <c r="E74" s="7">
        <v>-0.22263745699873472</v>
      </c>
      <c r="J74" s="8">
        <v>42129</v>
      </c>
      <c r="K74" s="7">
        <v>-0.12305857639347151</v>
      </c>
      <c r="P74" s="8">
        <v>42069</v>
      </c>
      <c r="Q74" s="7">
        <v>-0.33868794286950532</v>
      </c>
      <c r="V74" s="8">
        <v>42149</v>
      </c>
      <c r="W74" s="7">
        <v>-0.12305857639347151</v>
      </c>
      <c r="AB74" s="8">
        <v>42045</v>
      </c>
      <c r="AC74" s="7">
        <v>0.41855087953412107</v>
      </c>
    </row>
    <row r="75" spans="4:29">
      <c r="D75" s="8">
        <v>41970</v>
      </c>
      <c r="E75" s="7">
        <v>-0.14934327437290107</v>
      </c>
      <c r="J75" s="8">
        <v>42180</v>
      </c>
      <c r="K75" s="7">
        <v>-0.11181573762928509</v>
      </c>
      <c r="P75" s="8">
        <v>42108</v>
      </c>
      <c r="Q75" s="7">
        <v>-0.32069305696119255</v>
      </c>
      <c r="V75" s="8">
        <v>42200</v>
      </c>
      <c r="W75" s="7">
        <v>-0.11181573762928509</v>
      </c>
      <c r="AB75" s="8">
        <v>42103</v>
      </c>
      <c r="AC75" s="7">
        <v>0.53791114771498583</v>
      </c>
    </row>
    <row r="76" spans="4:29">
      <c r="D76" s="8">
        <v>41996</v>
      </c>
      <c r="E76" s="7">
        <v>-5.6697492373909975E-2</v>
      </c>
      <c r="J76" s="8">
        <v>42209</v>
      </c>
      <c r="K76" s="7">
        <v>-0.20539229384334257</v>
      </c>
      <c r="P76" s="8">
        <v>42135</v>
      </c>
      <c r="Q76" s="7">
        <v>-0.29048349338855339</v>
      </c>
      <c r="V76" s="8">
        <v>42229</v>
      </c>
      <c r="W76" s="7">
        <v>-0.20539229384334257</v>
      </c>
      <c r="AB76" s="8">
        <v>42128</v>
      </c>
      <c r="AC76" s="7">
        <v>0.5953618515089365</v>
      </c>
    </row>
    <row r="77" spans="4:29">
      <c r="D77" s="8">
        <v>42024</v>
      </c>
      <c r="E77" s="7">
        <v>-0.13499532897528499</v>
      </c>
      <c r="J77" s="8">
        <v>42247</v>
      </c>
      <c r="K77" s="7">
        <v>-0.29164301483494282</v>
      </c>
      <c r="P77" s="8">
        <v>42174</v>
      </c>
      <c r="Q77" s="7">
        <v>-0.35248770137782792</v>
      </c>
      <c r="V77" s="8">
        <v>42269</v>
      </c>
      <c r="W77" s="7">
        <v>-0.29164301483494282</v>
      </c>
      <c r="AB77" s="8">
        <v>42174</v>
      </c>
      <c r="AC77" s="7">
        <v>0.39043906373186088</v>
      </c>
    </row>
    <row r="78" spans="4:29">
      <c r="D78" s="8">
        <v>42128</v>
      </c>
      <c r="E78" s="7">
        <v>3.8390907978443911E-2</v>
      </c>
      <c r="J78" s="8">
        <v>42285</v>
      </c>
      <c r="K78" s="7">
        <v>-0.32384105961517273</v>
      </c>
      <c r="P78" s="8">
        <v>42241</v>
      </c>
      <c r="Q78" s="7">
        <v>-0.5161253203231051</v>
      </c>
      <c r="V78" s="8">
        <v>42305</v>
      </c>
      <c r="W78" s="7">
        <v>-0.32384105961517273</v>
      </c>
      <c r="AB78" s="8">
        <v>42212</v>
      </c>
      <c r="AC78" s="7">
        <v>0.19258463366206713</v>
      </c>
    </row>
    <row r="79" spans="4:29">
      <c r="D79" s="8">
        <v>42174</v>
      </c>
      <c r="E79" s="7">
        <v>-5.1323012379987931E-2</v>
      </c>
      <c r="J79" s="8">
        <v>42313</v>
      </c>
      <c r="K79" s="7">
        <v>-0.3100418975665028</v>
      </c>
      <c r="P79" s="8">
        <v>42290</v>
      </c>
      <c r="Q79" s="7">
        <v>-0.49308366890991961</v>
      </c>
      <c r="V79" s="8">
        <v>42333</v>
      </c>
      <c r="W79" s="7">
        <v>-0.3100418975665028</v>
      </c>
      <c r="AB79" s="8">
        <v>42240</v>
      </c>
      <c r="AC79" s="7">
        <v>2.8896546688842228E-2</v>
      </c>
    </row>
    <row r="80" spans="4:29">
      <c r="D80" s="8">
        <v>42207</v>
      </c>
      <c r="E80" s="7">
        <v>-0.15379334902187081</v>
      </c>
      <c r="J80" s="8">
        <v>42333</v>
      </c>
      <c r="K80" s="7">
        <v>-0.30493109680773611</v>
      </c>
      <c r="P80" s="8">
        <v>42310</v>
      </c>
      <c r="Q80" s="7">
        <v>-0.52874612436349311</v>
      </c>
      <c r="V80" s="8">
        <v>42353</v>
      </c>
      <c r="W80" s="7">
        <v>-0.30493109680773611</v>
      </c>
      <c r="AB80" s="8">
        <v>42277</v>
      </c>
      <c r="AC80" s="7">
        <v>8.6050834710809099E-3</v>
      </c>
    </row>
    <row r="81" spans="4:29">
      <c r="D81" s="8">
        <v>42241</v>
      </c>
      <c r="E81" s="7">
        <v>-0.31422002660314108</v>
      </c>
      <c r="J81" s="8">
        <v>42356</v>
      </c>
      <c r="K81" s="7">
        <v>-0.29804922647909982</v>
      </c>
      <c r="P81" s="8">
        <v>42334</v>
      </c>
      <c r="Q81" s="7">
        <v>-0.53515774171909181</v>
      </c>
      <c r="V81" s="8">
        <v>42377</v>
      </c>
      <c r="W81" s="7">
        <v>-0.29804922647909982</v>
      </c>
      <c r="AB81" s="8">
        <v>42332</v>
      </c>
      <c r="AC81" s="7">
        <v>1.4368541090915787E-2</v>
      </c>
    </row>
    <row r="82" spans="4:29">
      <c r="D82" s="8">
        <v>42277</v>
      </c>
      <c r="E82" s="7">
        <v>-0.34165122553901539</v>
      </c>
      <c r="J82" s="8">
        <v>42453</v>
      </c>
      <c r="K82" s="7">
        <v>-0.26514528397030757</v>
      </c>
      <c r="P82" s="8">
        <v>42381</v>
      </c>
      <c r="Q82" s="7">
        <v>-0.5466963793359938</v>
      </c>
      <c r="V82" s="8">
        <v>42474</v>
      </c>
      <c r="W82" s="7">
        <v>-0.26514528397030757</v>
      </c>
      <c r="AB82" s="8">
        <v>42376</v>
      </c>
      <c r="AC82" s="7">
        <v>3.8629980876727643E-3</v>
      </c>
    </row>
    <row r="83" spans="4:29">
      <c r="D83" s="8">
        <v>42314</v>
      </c>
      <c r="E83" s="7">
        <v>-0.31819113558049472</v>
      </c>
      <c r="J83" s="8">
        <v>42481</v>
      </c>
      <c r="K83" s="7">
        <v>-0.28233486797100216</v>
      </c>
      <c r="P83" s="8">
        <v>42391</v>
      </c>
      <c r="Q83" s="7">
        <v>-0.58797402691301426</v>
      </c>
      <c r="V83" s="8">
        <v>42502</v>
      </c>
      <c r="W83" s="7">
        <v>-0.28233486797100216</v>
      </c>
      <c r="AB83" s="8">
        <v>42426</v>
      </c>
      <c r="AC83" s="7">
        <v>-2.2027958486686705E-2</v>
      </c>
    </row>
    <row r="84" spans="4:29">
      <c r="D84" s="8">
        <v>42332</v>
      </c>
      <c r="E84" s="7">
        <v>-0.32401856177211441</v>
      </c>
      <c r="J84" s="8">
        <v>42544</v>
      </c>
      <c r="K84" s="7">
        <v>-0.25353966205625844</v>
      </c>
      <c r="P84" s="8">
        <v>42395</v>
      </c>
      <c r="Q84" s="7">
        <v>-0.62456603162766666</v>
      </c>
      <c r="V84" s="8">
        <v>42564</v>
      </c>
      <c r="W84" s="7">
        <v>-0.25353966205625844</v>
      </c>
      <c r="AB84" s="8">
        <v>42453</v>
      </c>
      <c r="AC84" s="7">
        <v>2.1812167512185843E-2</v>
      </c>
    </row>
    <row r="85" spans="4:29">
      <c r="D85" s="8">
        <v>42359</v>
      </c>
      <c r="E85" s="7">
        <v>-0.31377641876866158</v>
      </c>
      <c r="J85" s="8">
        <v>42612</v>
      </c>
      <c r="K85" s="7">
        <v>-0.2766044477792392</v>
      </c>
      <c r="P85" s="8">
        <v>42445</v>
      </c>
      <c r="Q85" s="7">
        <v>-0.63642918676210836</v>
      </c>
      <c r="V85" s="8">
        <v>42634</v>
      </c>
      <c r="W85" s="7">
        <v>-0.2766044477792392</v>
      </c>
      <c r="AB85" s="8">
        <v>42500</v>
      </c>
      <c r="AC85" s="7">
        <v>2.7359464838527581E-2</v>
      </c>
    </row>
    <row r="86" spans="4:29">
      <c r="D86" s="8">
        <v>42374</v>
      </c>
      <c r="E86" s="7">
        <v>-0.33461618045464592</v>
      </c>
      <c r="J86" s="8">
        <v>42677</v>
      </c>
      <c r="K86" s="7">
        <v>-0.28085971573347901</v>
      </c>
      <c r="P86" s="8">
        <v>42466</v>
      </c>
      <c r="Q86" s="7">
        <v>-0.63980809766580626</v>
      </c>
      <c r="AB86" s="8">
        <v>42552</v>
      </c>
      <c r="AC86" s="7">
        <v>1.8237516205111159E-2</v>
      </c>
    </row>
    <row r="87" spans="4:29">
      <c r="D87" s="8">
        <v>42453</v>
      </c>
      <c r="E87" s="7">
        <v>-0.30011479721896095</v>
      </c>
      <c r="P87" s="8">
        <v>42488</v>
      </c>
      <c r="Q87" s="7">
        <v>-0.65824795614707898</v>
      </c>
      <c r="AB87" s="8">
        <v>42584</v>
      </c>
      <c r="AC87" s="7">
        <v>2.268396824094121E-2</v>
      </c>
    </row>
    <row r="88" spans="4:29">
      <c r="D88" s="8">
        <v>42489</v>
      </c>
      <c r="E88" s="7">
        <v>-0.30662535724483109</v>
      </c>
      <c r="P88" s="8">
        <v>42541</v>
      </c>
      <c r="Q88" s="7">
        <v>-0.66882442172086376</v>
      </c>
      <c r="AB88" s="8">
        <v>42612</v>
      </c>
      <c r="AC88" s="7">
        <v>1.616313528722646E-2</v>
      </c>
    </row>
    <row r="89" spans="4:29">
      <c r="D89" s="8">
        <v>42542</v>
      </c>
      <c r="E89" s="7">
        <v>-0.28221075714781796</v>
      </c>
      <c r="P89" s="8">
        <v>42675</v>
      </c>
      <c r="Q89" s="7">
        <v>-0.66645465014104888</v>
      </c>
      <c r="AB89" s="8">
        <v>42681</v>
      </c>
      <c r="AC89" s="7">
        <v>-6.6110651834583312E-3</v>
      </c>
    </row>
    <row r="90" spans="4:29">
      <c r="D90" s="8">
        <v>42559</v>
      </c>
      <c r="E90" s="7">
        <v>-0.32471143600090757</v>
      </c>
    </row>
    <row r="91" spans="4:29">
      <c r="D91" s="8">
        <v>42613</v>
      </c>
      <c r="E91" s="7">
        <v>-0.29514811177053246</v>
      </c>
    </row>
    <row r="92" spans="4:29">
      <c r="D92" s="8">
        <v>42674</v>
      </c>
      <c r="E92" s="7">
        <v>-0.29831598542549642</v>
      </c>
    </row>
    <row r="93" spans="4:29">
      <c r="D93" s="8">
        <v>42688</v>
      </c>
      <c r="E93" s="7">
        <v>-0.30149102621542623</v>
      </c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96"/>
  <sheetViews>
    <sheetView workbookViewId="0">
      <selection activeCell="A3" sqref="A3"/>
    </sheetView>
  </sheetViews>
  <sheetFormatPr defaultColWidth="11" defaultRowHeight="15.75"/>
  <cols>
    <col min="2" max="3" width="12.875" customWidth="1"/>
  </cols>
  <sheetData>
    <row r="1" spans="1:34">
      <c r="A1" s="1" t="s">
        <v>40</v>
      </c>
      <c r="B1" s="1" t="s">
        <v>0</v>
      </c>
      <c r="C1" s="1"/>
    </row>
    <row r="2" spans="1:34">
      <c r="A2" s="1" t="s">
        <v>1</v>
      </c>
      <c r="B2" s="1" t="s">
        <v>2</v>
      </c>
      <c r="C2" s="1"/>
    </row>
    <row r="3" spans="1:34">
      <c r="A3" t="s">
        <v>39</v>
      </c>
      <c r="C3" t="s">
        <v>38</v>
      </c>
      <c r="F3" t="s">
        <v>37</v>
      </c>
      <c r="H3" t="s">
        <v>36</v>
      </c>
      <c r="K3" t="s">
        <v>35</v>
      </c>
      <c r="M3" t="s">
        <v>34</v>
      </c>
      <c r="P3" t="s">
        <v>33</v>
      </c>
      <c r="R3" t="s">
        <v>32</v>
      </c>
      <c r="U3" t="s">
        <v>31</v>
      </c>
      <c r="W3" t="s">
        <v>30</v>
      </c>
      <c r="Z3" t="s">
        <v>29</v>
      </c>
      <c r="AB3" t="s">
        <v>28</v>
      </c>
      <c r="AE3" t="s">
        <v>27</v>
      </c>
      <c r="AG3" t="s">
        <v>26</v>
      </c>
    </row>
    <row r="4" spans="1:34">
      <c r="A4" t="s">
        <v>3</v>
      </c>
      <c r="B4" s="2" t="s">
        <v>24</v>
      </c>
      <c r="C4" t="s">
        <v>3</v>
      </c>
      <c r="D4" s="2" t="s">
        <v>25</v>
      </c>
      <c r="F4" s="4" t="s">
        <v>3</v>
      </c>
      <c r="G4" s="2" t="s">
        <v>24</v>
      </c>
      <c r="H4" s="4" t="s">
        <v>3</v>
      </c>
      <c r="I4" s="2" t="s">
        <v>23</v>
      </c>
      <c r="J4" s="6"/>
      <c r="K4" s="4" t="s">
        <v>3</v>
      </c>
      <c r="L4" s="2" t="s">
        <v>24</v>
      </c>
      <c r="M4" s="4" t="s">
        <v>3</v>
      </c>
      <c r="N4" s="2" t="s">
        <v>23</v>
      </c>
      <c r="P4" s="4" t="s">
        <v>3</v>
      </c>
      <c r="Q4" s="2" t="s">
        <v>24</v>
      </c>
      <c r="R4" s="4" t="s">
        <v>3</v>
      </c>
      <c r="S4" s="2" t="s">
        <v>23</v>
      </c>
      <c r="U4" s="4" t="s">
        <v>3</v>
      </c>
      <c r="V4" s="2" t="s">
        <v>24</v>
      </c>
      <c r="W4" s="4" t="s">
        <v>3</v>
      </c>
      <c r="X4" s="2" t="s">
        <v>23</v>
      </c>
      <c r="Z4" t="s">
        <v>3</v>
      </c>
      <c r="AA4" s="2" t="s">
        <v>24</v>
      </c>
      <c r="AB4" t="s">
        <v>3</v>
      </c>
      <c r="AC4" s="2" t="s">
        <v>23</v>
      </c>
      <c r="AE4" s="4" t="s">
        <v>3</v>
      </c>
      <c r="AF4" s="2" t="s">
        <v>24</v>
      </c>
      <c r="AG4" s="4" t="s">
        <v>3</v>
      </c>
      <c r="AH4" s="2" t="s">
        <v>23</v>
      </c>
    </row>
    <row r="5" spans="1:34">
      <c r="A5" s="3">
        <v>39043</v>
      </c>
      <c r="B5">
        <v>0</v>
      </c>
      <c r="C5" s="3">
        <v>39043</v>
      </c>
      <c r="D5">
        <v>0</v>
      </c>
      <c r="F5" s="3">
        <v>39043</v>
      </c>
      <c r="G5">
        <v>0</v>
      </c>
      <c r="H5" s="3">
        <v>39043</v>
      </c>
      <c r="I5">
        <v>0</v>
      </c>
      <c r="K5" s="3">
        <v>39043</v>
      </c>
      <c r="L5">
        <v>0</v>
      </c>
      <c r="M5" s="3">
        <v>39043</v>
      </c>
      <c r="N5">
        <v>0</v>
      </c>
      <c r="P5" s="3">
        <v>39043</v>
      </c>
      <c r="Q5">
        <v>0</v>
      </c>
      <c r="R5" s="3">
        <v>39043</v>
      </c>
      <c r="S5">
        <v>0</v>
      </c>
      <c r="U5" s="3">
        <v>39043</v>
      </c>
      <c r="V5">
        <v>0</v>
      </c>
      <c r="W5" s="3">
        <v>39043</v>
      </c>
      <c r="X5">
        <v>0</v>
      </c>
      <c r="Z5" s="3">
        <v>39043</v>
      </c>
      <c r="AA5">
        <v>0</v>
      </c>
      <c r="AB5" s="3">
        <v>39043</v>
      </c>
      <c r="AC5">
        <v>0</v>
      </c>
      <c r="AE5" s="3">
        <v>39043</v>
      </c>
      <c r="AF5">
        <v>0</v>
      </c>
      <c r="AG5" s="3">
        <v>39043</v>
      </c>
      <c r="AH5">
        <v>0</v>
      </c>
    </row>
    <row r="6" spans="1:34">
      <c r="A6" s="3">
        <v>39140</v>
      </c>
      <c r="B6">
        <v>-2.828286868686869E-2</v>
      </c>
      <c r="C6" s="3">
        <v>39140</v>
      </c>
      <c r="D6">
        <v>2.3404212765957499E-2</v>
      </c>
      <c r="F6" s="3">
        <v>39804</v>
      </c>
      <c r="G6">
        <v>-1.5976015553945899E-2</v>
      </c>
      <c r="H6" s="3">
        <v>39142</v>
      </c>
      <c r="I6">
        <v>-9.5667251903831518E-3</v>
      </c>
      <c r="K6" s="3">
        <v>39121</v>
      </c>
      <c r="L6">
        <v>-9.6967196203837647E-3</v>
      </c>
      <c r="M6" s="3">
        <v>39121</v>
      </c>
      <c r="N6">
        <v>-1.3157894736842146E-2</v>
      </c>
      <c r="P6" s="3">
        <v>39125</v>
      </c>
      <c r="Q6">
        <v>-4.3053245252011596E-4</v>
      </c>
      <c r="R6" s="3">
        <v>39125</v>
      </c>
      <c r="S6">
        <v>5.7035449939399907E-3</v>
      </c>
      <c r="U6" s="3">
        <v>39283</v>
      </c>
      <c r="V6">
        <v>-2.8251599147121609E-2</v>
      </c>
      <c r="W6" s="3">
        <v>39147</v>
      </c>
      <c r="X6">
        <v>-6.6517499525852397E-2</v>
      </c>
      <c r="Z6" s="3">
        <v>39141</v>
      </c>
      <c r="AA6">
        <v>8.9114786990986961E-3</v>
      </c>
      <c r="AB6" s="3">
        <v>39141</v>
      </c>
      <c r="AC6">
        <v>6.2569810055865815E-2</v>
      </c>
      <c r="AE6" s="3">
        <v>39141</v>
      </c>
      <c r="AF6">
        <v>-5.8403634003894034E-3</v>
      </c>
      <c r="AG6" s="3">
        <v>39101</v>
      </c>
      <c r="AH6">
        <v>-4.2320819112628083E-2</v>
      </c>
    </row>
    <row r="7" spans="1:34">
      <c r="A7" s="3">
        <v>39240</v>
      </c>
      <c r="B7">
        <v>-8.463640049396659E-2</v>
      </c>
      <c r="C7" s="3">
        <v>39195</v>
      </c>
      <c r="D7">
        <v>0.21746290357222442</v>
      </c>
      <c r="F7" s="3">
        <v>40274</v>
      </c>
      <c r="G7">
        <v>2.8569234501663043E-2</v>
      </c>
      <c r="H7" s="3">
        <v>39206</v>
      </c>
      <c r="I7">
        <v>0.14450376984012281</v>
      </c>
      <c r="K7" s="3">
        <v>39184</v>
      </c>
      <c r="L7">
        <v>6.8237358958786798E-2</v>
      </c>
      <c r="M7" s="3">
        <v>39146</v>
      </c>
      <c r="N7">
        <v>-6.7838775148278851E-2</v>
      </c>
      <c r="P7" s="3">
        <v>39371</v>
      </c>
      <c r="Q7">
        <v>-4.1061568932757253E-2</v>
      </c>
      <c r="R7" s="3">
        <v>39205</v>
      </c>
      <c r="S7">
        <v>0.17718611350506364</v>
      </c>
      <c r="U7" s="3">
        <v>39359</v>
      </c>
      <c r="V7">
        <v>-3.5765117710417016E-2</v>
      </c>
      <c r="W7" s="3">
        <v>39203</v>
      </c>
      <c r="X7">
        <v>-3.8784804918777338E-2</v>
      </c>
      <c r="Z7" s="3">
        <v>39356</v>
      </c>
      <c r="AA7">
        <v>2.8119639886311498E-2</v>
      </c>
      <c r="AB7" s="3">
        <v>39192</v>
      </c>
      <c r="AC7">
        <v>7.7517340567496928E-2</v>
      </c>
      <c r="AE7" s="3">
        <v>39273</v>
      </c>
      <c r="AF7">
        <v>0.1047606772521128</v>
      </c>
      <c r="AG7" s="3">
        <v>39141</v>
      </c>
      <c r="AH7">
        <v>-7.4927802572853808E-2</v>
      </c>
    </row>
    <row r="8" spans="1:34">
      <c r="A8" s="3">
        <v>39363</v>
      </c>
      <c r="B8">
        <v>-0.10532749378545603</v>
      </c>
      <c r="C8" s="3">
        <v>39240</v>
      </c>
      <c r="D8">
        <v>0.21141582196909336</v>
      </c>
      <c r="F8" s="3">
        <v>40402</v>
      </c>
      <c r="G8">
        <v>1.370873149170837E-2</v>
      </c>
      <c r="H8" s="3">
        <v>39241</v>
      </c>
      <c r="I8">
        <v>8.1212608215896154E-2</v>
      </c>
      <c r="K8" s="3">
        <v>39815</v>
      </c>
      <c r="L8">
        <v>0.15682289604317412</v>
      </c>
      <c r="M8" s="3">
        <v>39184</v>
      </c>
      <c r="N8">
        <v>5.5196874412843933E-3</v>
      </c>
      <c r="P8" s="3">
        <v>39433</v>
      </c>
      <c r="Q8">
        <v>-5.9335552654962043E-2</v>
      </c>
      <c r="R8" s="3">
        <v>39272</v>
      </c>
      <c r="S8">
        <v>0.12632732132605118</v>
      </c>
      <c r="U8" s="3">
        <v>39416</v>
      </c>
      <c r="V8">
        <v>4.1203633215005864E-2</v>
      </c>
      <c r="W8" s="3">
        <v>39248</v>
      </c>
      <c r="X8">
        <v>-3.442075480845519E-3</v>
      </c>
      <c r="Z8" s="3">
        <v>39429</v>
      </c>
      <c r="AA8">
        <v>-2.2863037872765446E-2</v>
      </c>
      <c r="AB8" s="3">
        <v>39223</v>
      </c>
      <c r="AC8">
        <v>5.4134999760490965E-2</v>
      </c>
      <c r="AE8" s="3">
        <v>39630</v>
      </c>
      <c r="AF8">
        <v>-0.16142064165486059</v>
      </c>
      <c r="AG8" s="3">
        <v>39183</v>
      </c>
      <c r="AH8">
        <v>-8.6689686837661872E-2</v>
      </c>
    </row>
    <row r="9" spans="1:34">
      <c r="A9" s="3">
        <v>39511</v>
      </c>
      <c r="B9">
        <v>-0.12865479095085308</v>
      </c>
      <c r="C9" s="3">
        <v>39283</v>
      </c>
      <c r="D9">
        <v>0.23520798983781499</v>
      </c>
      <c r="F9" s="3">
        <v>40612</v>
      </c>
      <c r="G9">
        <v>9.7368003444995077E-2</v>
      </c>
      <c r="H9" s="3">
        <v>39260</v>
      </c>
      <c r="I9">
        <v>7.1448862978815475E-2</v>
      </c>
      <c r="K9" s="3">
        <v>40035</v>
      </c>
      <c r="L9">
        <v>0.29228505899952517</v>
      </c>
      <c r="M9" s="3">
        <v>39240</v>
      </c>
      <c r="N9">
        <v>9.7967569303901492E-2</v>
      </c>
      <c r="P9" s="3">
        <v>39553</v>
      </c>
      <c r="Q9">
        <v>-3.9415434753652723E-2</v>
      </c>
      <c r="R9" s="3">
        <v>39283</v>
      </c>
      <c r="S9">
        <v>0.10562698054760911</v>
      </c>
      <c r="U9" s="3">
        <v>39811</v>
      </c>
      <c r="V9">
        <v>-1.8521240583178056E-2</v>
      </c>
      <c r="W9" s="3">
        <v>39283</v>
      </c>
      <c r="X9">
        <v>-3.1596430491248162E-2</v>
      </c>
      <c r="Z9" s="3">
        <v>39518</v>
      </c>
      <c r="AA9">
        <v>-5.1931148774990277E-2</v>
      </c>
      <c r="AB9" s="3">
        <v>39254</v>
      </c>
      <c r="AC9">
        <v>2.2947529178608317E-2</v>
      </c>
      <c r="AE9" s="3">
        <v>39687</v>
      </c>
      <c r="AF9">
        <v>-0.14519661537490625</v>
      </c>
      <c r="AG9" s="3">
        <v>39273</v>
      </c>
      <c r="AH9">
        <v>7.0777608535155023E-2</v>
      </c>
    </row>
    <row r="10" spans="1:34">
      <c r="A10" s="3">
        <v>39552</v>
      </c>
      <c r="B10">
        <v>-0.16539831500554281</v>
      </c>
      <c r="C10" s="3">
        <v>39310</v>
      </c>
      <c r="D10">
        <v>0.18063882930597908</v>
      </c>
      <c r="F10" s="3">
        <v>40948</v>
      </c>
      <c r="G10">
        <v>0.63114126378167401</v>
      </c>
      <c r="H10" s="3">
        <v>39267</v>
      </c>
      <c r="I10">
        <v>0.10390717610151934</v>
      </c>
      <c r="K10" s="3">
        <v>40088</v>
      </c>
      <c r="L10">
        <v>0.23881770933624047</v>
      </c>
      <c r="M10" s="3">
        <v>39267</v>
      </c>
      <c r="N10">
        <v>0.10787526482572662</v>
      </c>
      <c r="P10" s="3">
        <v>39906</v>
      </c>
      <c r="Q10">
        <v>0.33977011814741309</v>
      </c>
      <c r="R10" s="3">
        <v>39311</v>
      </c>
      <c r="S10">
        <v>9.8656903913129534E-2</v>
      </c>
      <c r="U10" s="3">
        <v>39906</v>
      </c>
      <c r="V10">
        <v>-5.268548835691278E-3</v>
      </c>
      <c r="W10" s="3">
        <v>39335</v>
      </c>
      <c r="X10">
        <v>8.2779616641093234E-4</v>
      </c>
      <c r="Z10" s="3">
        <v>39598</v>
      </c>
      <c r="AA10">
        <v>-2.857798307765258E-2</v>
      </c>
      <c r="AB10" s="3">
        <v>39262</v>
      </c>
      <c r="AC10">
        <v>3.2612844050613488E-2</v>
      </c>
      <c r="AE10" s="3">
        <v>40023</v>
      </c>
      <c r="AF10">
        <v>-0.26564618320844224</v>
      </c>
      <c r="AG10" s="3">
        <v>39286</v>
      </c>
      <c r="AH10">
        <v>1.7468016675535436E-2</v>
      </c>
    </row>
    <row r="11" spans="1:34">
      <c r="A11" s="3">
        <v>39813</v>
      </c>
      <c r="B11">
        <v>-0.11021803831169419</v>
      </c>
      <c r="C11" s="3">
        <v>39363</v>
      </c>
      <c r="D11">
        <v>0.26511739058751793</v>
      </c>
      <c r="F11" s="3">
        <v>41180</v>
      </c>
      <c r="G11">
        <v>0.83971747975037747</v>
      </c>
      <c r="H11" s="3">
        <v>39283</v>
      </c>
      <c r="I11">
        <v>8.3833122559867412E-2</v>
      </c>
      <c r="K11" s="3">
        <v>40116</v>
      </c>
      <c r="L11">
        <v>0.10235614861715758</v>
      </c>
      <c r="M11" s="3">
        <v>39280</v>
      </c>
      <c r="N11">
        <v>9.1258733596728092E-2</v>
      </c>
      <c r="P11" s="3">
        <v>39973</v>
      </c>
      <c r="Q11">
        <v>0.36222442935586252</v>
      </c>
      <c r="R11" s="3">
        <v>39315</v>
      </c>
      <c r="S11">
        <v>0.10918131304496814</v>
      </c>
      <c r="U11" s="3">
        <v>40042</v>
      </c>
      <c r="V11">
        <v>1.2065134989829307E-3</v>
      </c>
      <c r="W11" s="3">
        <v>39359</v>
      </c>
      <c r="X11">
        <v>-1.0480941668080668E-2</v>
      </c>
      <c r="Z11" s="3">
        <v>39651</v>
      </c>
      <c r="AA11">
        <v>-8.6524123219507976E-2</v>
      </c>
      <c r="AB11" s="3">
        <v>39314</v>
      </c>
      <c r="AC11">
        <v>6.5419045606266879E-2</v>
      </c>
      <c r="AE11" s="3">
        <v>40060</v>
      </c>
      <c r="AF11">
        <v>-0.17635368556921716</v>
      </c>
      <c r="AG11" s="3">
        <v>39350</v>
      </c>
      <c r="AH11">
        <v>0.10337567358930211</v>
      </c>
    </row>
    <row r="12" spans="1:34">
      <c r="A12" s="3">
        <v>39925</v>
      </c>
      <c r="B12">
        <v>-8.6879396535030295E-2</v>
      </c>
      <c r="C12" s="3">
        <v>39407</v>
      </c>
      <c r="D12">
        <v>0.31478355598151708</v>
      </c>
      <c r="F12" s="3">
        <v>41617</v>
      </c>
      <c r="G12">
        <v>0.90691761339004207</v>
      </c>
      <c r="H12" s="3">
        <v>39337</v>
      </c>
      <c r="I12">
        <v>4.5319730608365028E-2</v>
      </c>
      <c r="K12" s="3">
        <v>40154</v>
      </c>
      <c r="L12">
        <v>0.1169375791544216</v>
      </c>
      <c r="M12" s="3">
        <v>39344</v>
      </c>
      <c r="N12">
        <v>0.1598946203581193</v>
      </c>
      <c r="P12" s="3">
        <v>40087</v>
      </c>
      <c r="Q12">
        <v>0.31452855999361051</v>
      </c>
      <c r="R12" s="3">
        <v>39371</v>
      </c>
      <c r="S12">
        <v>0.15900504112153491</v>
      </c>
      <c r="U12" s="3">
        <v>40080</v>
      </c>
      <c r="V12">
        <v>-2.7460816880372274E-2</v>
      </c>
      <c r="W12" s="3">
        <v>39416</v>
      </c>
      <c r="X12">
        <v>5.865566171975245E-2</v>
      </c>
      <c r="Z12" s="3">
        <v>39819</v>
      </c>
      <c r="AA12">
        <v>-0.11082695938648879</v>
      </c>
      <c r="AB12" s="3">
        <v>39356</v>
      </c>
      <c r="AC12">
        <v>0.15429477320617813</v>
      </c>
      <c r="AE12" s="3">
        <v>40197</v>
      </c>
      <c r="AF12">
        <v>-0.14364570918387931</v>
      </c>
      <c r="AG12" s="3">
        <v>39398</v>
      </c>
      <c r="AH12">
        <v>8.1093591923699249E-2</v>
      </c>
    </row>
    <row r="13" spans="1:34">
      <c r="A13" s="3">
        <v>40042</v>
      </c>
      <c r="B13">
        <v>1.2079536455239293E-2</v>
      </c>
      <c r="C13" s="3">
        <v>39457</v>
      </c>
      <c r="D13">
        <v>0.28872547402263193</v>
      </c>
      <c r="F13" s="3">
        <v>41745</v>
      </c>
      <c r="G13">
        <v>0.72675280287337407</v>
      </c>
      <c r="H13" s="3">
        <v>39378</v>
      </c>
      <c r="I13">
        <v>7.9557422627894558E-2</v>
      </c>
      <c r="K13" s="3">
        <v>40358</v>
      </c>
      <c r="L13">
        <v>8.4364611182843774E-2</v>
      </c>
      <c r="M13" s="3">
        <v>39373</v>
      </c>
      <c r="N13">
        <v>0.2106318000991525</v>
      </c>
      <c r="P13" s="3">
        <v>40112</v>
      </c>
      <c r="Q13">
        <v>0.20738988104745371</v>
      </c>
      <c r="R13" s="3">
        <v>39401</v>
      </c>
      <c r="S13">
        <v>0.15071106803852086</v>
      </c>
      <c r="U13" s="3">
        <v>40119</v>
      </c>
      <c r="V13">
        <v>-7.1698078533819265E-2</v>
      </c>
      <c r="W13" s="3">
        <v>39470</v>
      </c>
      <c r="X13">
        <v>-5.0245653910104493E-2</v>
      </c>
      <c r="Z13" s="3">
        <v>39972</v>
      </c>
      <c r="AA13">
        <v>-8.1527894549873525E-2</v>
      </c>
      <c r="AB13" s="3">
        <v>39402</v>
      </c>
      <c r="AC13">
        <v>0.15363383533124808</v>
      </c>
      <c r="AE13" s="3">
        <v>40282</v>
      </c>
      <c r="AF13">
        <v>9.3545946905477795E-2</v>
      </c>
      <c r="AG13" s="3">
        <v>39442</v>
      </c>
      <c r="AH13">
        <v>-1.8720870179785853E-3</v>
      </c>
    </row>
    <row r="14" spans="1:34">
      <c r="A14" s="3">
        <v>40088</v>
      </c>
      <c r="B14">
        <v>-2.4093397017748375E-2</v>
      </c>
      <c r="C14" s="3">
        <v>39511</v>
      </c>
      <c r="D14">
        <v>0.26678127142414354</v>
      </c>
      <c r="F14" s="3">
        <v>41904</v>
      </c>
      <c r="G14">
        <v>0.94002733060922261</v>
      </c>
      <c r="H14" s="3">
        <v>39443</v>
      </c>
      <c r="I14">
        <v>0.18034490298534722</v>
      </c>
      <c r="K14" s="3">
        <v>40483</v>
      </c>
      <c r="L14">
        <v>4.8076169676877001E-2</v>
      </c>
      <c r="M14" s="3">
        <v>39436</v>
      </c>
      <c r="N14">
        <v>0.12489251038434279</v>
      </c>
      <c r="P14" s="3">
        <v>40267</v>
      </c>
      <c r="Q14">
        <v>0.31331626537281632</v>
      </c>
      <c r="R14" s="3">
        <v>39433</v>
      </c>
      <c r="S14">
        <v>0.19634272403688224</v>
      </c>
      <c r="U14" s="3">
        <v>40161</v>
      </c>
      <c r="V14">
        <v>-6.4206738212639558E-2</v>
      </c>
      <c r="W14" s="3">
        <v>39520</v>
      </c>
      <c r="X14">
        <v>-9.2074116940994766E-2</v>
      </c>
      <c r="Z14" s="3">
        <v>40144</v>
      </c>
      <c r="AA14">
        <v>-7.0896623701803274E-2</v>
      </c>
      <c r="AB14" s="3">
        <v>39429</v>
      </c>
      <c r="AC14">
        <v>0.1531993817461228</v>
      </c>
      <c r="AE14" s="3">
        <v>40400</v>
      </c>
      <c r="AF14">
        <v>8.0469164281794958E-2</v>
      </c>
      <c r="AG14" s="3">
        <v>39497</v>
      </c>
      <c r="AH14">
        <v>-0.21959122341545134</v>
      </c>
    </row>
    <row r="15" spans="1:34">
      <c r="A15" s="3">
        <v>40200</v>
      </c>
      <c r="B15">
        <v>-0.12528585232571987</v>
      </c>
      <c r="C15" s="3">
        <v>39552</v>
      </c>
      <c r="D15">
        <v>0.22442676947273399</v>
      </c>
      <c r="F15" s="3">
        <v>42045</v>
      </c>
      <c r="G15">
        <v>0.93253081953659533</v>
      </c>
      <c r="H15" s="3">
        <v>39510</v>
      </c>
      <c r="I15">
        <v>0.16512488407007364</v>
      </c>
      <c r="K15" s="3">
        <v>40534</v>
      </c>
      <c r="L15">
        <v>0.12223055377502412</v>
      </c>
      <c r="M15" s="3">
        <v>39512</v>
      </c>
      <c r="N15">
        <v>0.18513147591164247</v>
      </c>
      <c r="P15" s="3">
        <v>40402</v>
      </c>
      <c r="Q15">
        <v>0.45916784244172026</v>
      </c>
      <c r="R15" s="3">
        <v>39461</v>
      </c>
      <c r="S15">
        <v>0.1542226556752615</v>
      </c>
      <c r="U15" s="3">
        <v>40262</v>
      </c>
      <c r="V15">
        <v>-8.032901912732815E-2</v>
      </c>
      <c r="W15" s="3">
        <v>39566</v>
      </c>
      <c r="X15">
        <v>-6.5614562634703777E-2</v>
      </c>
      <c r="Z15" s="3">
        <v>40466</v>
      </c>
      <c r="AA15">
        <v>-1.3787880059142332E-2</v>
      </c>
      <c r="AB15" s="3">
        <v>39471</v>
      </c>
      <c r="AC15">
        <v>4.7731549420154895E-2</v>
      </c>
      <c r="AE15" s="3">
        <v>40506</v>
      </c>
      <c r="AF15">
        <v>4.4373312468371839E-2</v>
      </c>
      <c r="AG15" s="3">
        <v>39526</v>
      </c>
      <c r="AH15">
        <v>-0.380121405463822</v>
      </c>
    </row>
    <row r="16" spans="1:34">
      <c r="A16" s="3">
        <v>40275</v>
      </c>
      <c r="B16">
        <v>-0.13842746232326986</v>
      </c>
      <c r="C16" s="3">
        <v>39602</v>
      </c>
      <c r="D16">
        <v>0.23339036169648231</v>
      </c>
      <c r="F16" s="3">
        <v>42069</v>
      </c>
      <c r="G16">
        <v>0.95491534640381448</v>
      </c>
      <c r="H16" s="3">
        <v>39556</v>
      </c>
      <c r="I16">
        <v>0.35201042342184774</v>
      </c>
      <c r="K16" s="3">
        <v>40599</v>
      </c>
      <c r="L16">
        <v>8.8966642243786476E-2</v>
      </c>
      <c r="M16" s="3">
        <v>39552</v>
      </c>
      <c r="N16">
        <v>5.9971924558992695E-2</v>
      </c>
      <c r="P16" s="3">
        <v>40578</v>
      </c>
      <c r="Q16">
        <v>0.67368165108970479</v>
      </c>
      <c r="R16" s="3">
        <v>39519</v>
      </c>
      <c r="S16">
        <v>0.16689607422461239</v>
      </c>
      <c r="U16" s="3">
        <v>40584</v>
      </c>
      <c r="V16">
        <v>-1.2663353604259631E-2</v>
      </c>
      <c r="W16" s="3">
        <v>39581</v>
      </c>
      <c r="X16">
        <v>-0.14677724991942009</v>
      </c>
      <c r="Z16" s="3">
        <v>40603</v>
      </c>
      <c r="AA16">
        <v>8.1404461912424564E-2</v>
      </c>
      <c r="AB16" s="3">
        <v>39518</v>
      </c>
      <c r="AC16">
        <v>4.8968561240240627E-2</v>
      </c>
      <c r="AE16" s="3">
        <v>40588</v>
      </c>
      <c r="AF16">
        <v>0.10007322246668515</v>
      </c>
      <c r="AG16" s="3">
        <v>39584</v>
      </c>
      <c r="AH16">
        <v>-3.2212336735539693E-2</v>
      </c>
    </row>
    <row r="17" spans="1:34">
      <c r="A17" s="3">
        <v>40283</v>
      </c>
      <c r="B17">
        <v>-0.14295408311505953</v>
      </c>
      <c r="C17" s="3">
        <v>39678</v>
      </c>
      <c r="D17">
        <v>0.18533623024519841</v>
      </c>
      <c r="F17" s="3">
        <v>42107</v>
      </c>
      <c r="G17">
        <v>1.0441419160325007</v>
      </c>
      <c r="H17" s="3">
        <v>39575</v>
      </c>
      <c r="I17">
        <v>0.32860374844089102</v>
      </c>
      <c r="K17" s="3">
        <v>40848</v>
      </c>
      <c r="L17">
        <v>2.2984880091541093E-3</v>
      </c>
      <c r="M17" s="3">
        <v>39594</v>
      </c>
      <c r="N17">
        <v>2.8418880565373117E-2</v>
      </c>
      <c r="P17" s="3">
        <v>40844</v>
      </c>
      <c r="Q17">
        <v>0.46495781088533539</v>
      </c>
      <c r="R17" s="3">
        <v>39553</v>
      </c>
      <c r="S17">
        <v>0.20717214904997805</v>
      </c>
      <c r="U17" s="3">
        <v>40644</v>
      </c>
      <c r="V17">
        <v>0.18703105081713445</v>
      </c>
      <c r="W17" s="3">
        <v>39651</v>
      </c>
      <c r="X17">
        <v>-0.10937863219516164</v>
      </c>
      <c r="Z17" s="3">
        <v>40667</v>
      </c>
      <c r="AA17">
        <v>0.14797853611447387</v>
      </c>
      <c r="AB17" s="3">
        <v>39561</v>
      </c>
      <c r="AC17">
        <v>7.2888426680746576E-2</v>
      </c>
      <c r="AE17" s="3">
        <v>40680</v>
      </c>
      <c r="AF17">
        <v>7.2186750918141529E-2</v>
      </c>
      <c r="AG17" s="3">
        <v>39630</v>
      </c>
      <c r="AH17">
        <v>-0.25665466894949773</v>
      </c>
    </row>
    <row r="18" spans="1:34">
      <c r="A18" s="3">
        <v>40298</v>
      </c>
      <c r="B18">
        <v>-0.1630186745790575</v>
      </c>
      <c r="C18" s="3">
        <v>39728</v>
      </c>
      <c r="D18">
        <v>5.9966430821600802E-3</v>
      </c>
      <c r="F18" s="3">
        <v>42626</v>
      </c>
      <c r="G18">
        <v>1.2457422513652059</v>
      </c>
      <c r="H18" s="3">
        <v>39632</v>
      </c>
      <c r="I18">
        <v>0.29171555476277211</v>
      </c>
      <c r="K18" s="3">
        <v>40941</v>
      </c>
      <c r="L18">
        <v>0.21535409951226869</v>
      </c>
      <c r="M18" s="3">
        <v>39632</v>
      </c>
      <c r="N18">
        <v>-5.1427305813926072E-2</v>
      </c>
      <c r="P18" s="3">
        <v>40948</v>
      </c>
      <c r="Q18">
        <v>0.45473877371393789</v>
      </c>
      <c r="R18" s="3">
        <v>39570</v>
      </c>
      <c r="S18">
        <v>0.20371320300752704</v>
      </c>
      <c r="U18" s="3">
        <v>40843</v>
      </c>
      <c r="V18">
        <v>0.20227238606176523</v>
      </c>
      <c r="W18" s="3">
        <v>39679</v>
      </c>
      <c r="X18">
        <v>-0.16158387369633864</v>
      </c>
      <c r="Z18" s="3">
        <v>40758</v>
      </c>
      <c r="AA18">
        <v>9.124790431931995E-2</v>
      </c>
      <c r="AB18" s="3">
        <v>39598</v>
      </c>
      <c r="AC18">
        <v>0.14477030550193448</v>
      </c>
      <c r="AE18" s="3">
        <v>40855</v>
      </c>
      <c r="AF18">
        <v>0.12513424479064228</v>
      </c>
      <c r="AG18" s="3">
        <v>39687</v>
      </c>
      <c r="AH18">
        <v>-0.24410118929363878</v>
      </c>
    </row>
    <row r="19" spans="1:34">
      <c r="A19" s="3">
        <v>40599</v>
      </c>
      <c r="B19">
        <v>-0.20137086961600237</v>
      </c>
      <c r="C19" s="3">
        <v>39772</v>
      </c>
      <c r="D19">
        <v>-0.25054695641174574</v>
      </c>
      <c r="H19" s="3">
        <v>39666</v>
      </c>
      <c r="I19">
        <v>0.48185691488657167</v>
      </c>
      <c r="K19" s="3">
        <v>41113</v>
      </c>
      <c r="L19">
        <v>0.18100009029938846</v>
      </c>
      <c r="M19" s="3">
        <v>39688</v>
      </c>
      <c r="N19">
        <v>2.2035868715813978E-2</v>
      </c>
      <c r="P19" s="3">
        <v>40998</v>
      </c>
      <c r="Q19">
        <v>0.4134494743284558</v>
      </c>
      <c r="R19" s="3">
        <v>39671</v>
      </c>
      <c r="S19">
        <v>0.24552919862719791</v>
      </c>
      <c r="U19" s="3">
        <v>40967</v>
      </c>
      <c r="V19">
        <v>0.21861593591477146</v>
      </c>
      <c r="W19" s="3">
        <v>39709</v>
      </c>
      <c r="X19">
        <v>-0.23902998554024135</v>
      </c>
      <c r="Z19" s="3">
        <v>40854</v>
      </c>
      <c r="AA19">
        <v>6.01900499074981E-2</v>
      </c>
      <c r="AB19" s="3">
        <v>39609</v>
      </c>
      <c r="AC19">
        <v>0.12815858502545341</v>
      </c>
      <c r="AE19" s="3">
        <v>41010</v>
      </c>
      <c r="AF19">
        <v>7.1520532856927943E-4</v>
      </c>
      <c r="AG19" s="3">
        <v>39772</v>
      </c>
      <c r="AH19">
        <v>-0.54008566336540675</v>
      </c>
    </row>
    <row r="20" spans="1:34">
      <c r="A20" s="3">
        <v>40743</v>
      </c>
      <c r="B20">
        <v>-0.24328898458668025</v>
      </c>
      <c r="C20" s="3">
        <v>39813</v>
      </c>
      <c r="D20">
        <v>-9.645375096704234E-2</v>
      </c>
      <c r="H20" s="3">
        <v>39720</v>
      </c>
      <c r="I20">
        <v>0.43881991774891826</v>
      </c>
      <c r="K20" s="3">
        <v>41187</v>
      </c>
      <c r="L20">
        <v>0.20461702497100309</v>
      </c>
      <c r="M20" s="3">
        <v>39700</v>
      </c>
      <c r="N20">
        <v>-2.5260599721351862E-2</v>
      </c>
      <c r="P20" s="3">
        <v>41177</v>
      </c>
      <c r="Q20">
        <v>0.62487150605785224</v>
      </c>
      <c r="R20" s="3">
        <v>39714</v>
      </c>
      <c r="S20">
        <v>0.13519148840605344</v>
      </c>
      <c r="U20" s="3">
        <v>41162</v>
      </c>
      <c r="V20">
        <v>0.27159923747628323</v>
      </c>
      <c r="W20" s="3">
        <v>39731</v>
      </c>
      <c r="X20">
        <v>-0.40797214486048217</v>
      </c>
      <c r="Z20" s="3">
        <v>40928</v>
      </c>
      <c r="AA20">
        <v>4.7554354039515578E-2</v>
      </c>
      <c r="AB20" s="3">
        <v>39651</v>
      </c>
      <c r="AC20">
        <v>9.9815958169562347E-2</v>
      </c>
      <c r="AE20" s="3">
        <v>41142</v>
      </c>
      <c r="AF20">
        <v>1.1803462451323687E-2</v>
      </c>
      <c r="AG20" s="3">
        <v>39833</v>
      </c>
      <c r="AH20">
        <v>-0.58701569771587536</v>
      </c>
    </row>
    <row r="21" spans="1:34">
      <c r="A21" s="3">
        <v>40850</v>
      </c>
      <c r="B21">
        <v>-0.242226806172255</v>
      </c>
      <c r="C21" s="3">
        <v>39864</v>
      </c>
      <c r="D21">
        <v>-0.18630922896735036</v>
      </c>
      <c r="H21" s="3">
        <v>39730</v>
      </c>
      <c r="I21">
        <v>0.17920370836190913</v>
      </c>
      <c r="K21" s="3">
        <v>41283</v>
      </c>
      <c r="L21">
        <v>0.34738528159734638</v>
      </c>
      <c r="M21" s="3">
        <v>39771</v>
      </c>
      <c r="N21">
        <v>-0.12715401310060603</v>
      </c>
      <c r="P21" s="3">
        <v>41218</v>
      </c>
      <c r="Q21">
        <v>0.68368538869907614</v>
      </c>
      <c r="R21" s="3">
        <v>39771</v>
      </c>
      <c r="S21">
        <v>-0.17761681666663443</v>
      </c>
      <c r="U21" s="3">
        <v>41396</v>
      </c>
      <c r="V21">
        <v>0.3104013066233362</v>
      </c>
      <c r="W21" s="3">
        <v>39770</v>
      </c>
      <c r="X21">
        <v>-0.40105290038843522</v>
      </c>
      <c r="Z21" s="3">
        <v>41101</v>
      </c>
      <c r="AA21">
        <v>6.5196155634008379E-2</v>
      </c>
      <c r="AB21" s="3">
        <v>39673</v>
      </c>
      <c r="AC21">
        <v>5.3135734536230661E-2</v>
      </c>
      <c r="AE21" s="3">
        <v>41180</v>
      </c>
      <c r="AF21">
        <v>-0.1603074358007055</v>
      </c>
      <c r="AG21" s="3">
        <v>39869</v>
      </c>
      <c r="AH21">
        <v>-0.74526201915184842</v>
      </c>
    </row>
    <row r="22" spans="1:34">
      <c r="A22" s="3">
        <v>41045</v>
      </c>
      <c r="B22">
        <v>-0.27331685888713664</v>
      </c>
      <c r="C22" s="3">
        <v>39911</v>
      </c>
      <c r="D22">
        <v>-0.10817846636661577</v>
      </c>
      <c r="H22" s="3">
        <v>39772</v>
      </c>
      <c r="I22">
        <v>-0.32049607927225909</v>
      </c>
      <c r="K22" s="3">
        <v>41334</v>
      </c>
      <c r="L22">
        <v>0.36365660839704828</v>
      </c>
      <c r="M22" s="3">
        <v>39815</v>
      </c>
      <c r="N22">
        <v>7.9869644960239849E-2</v>
      </c>
      <c r="P22" s="3">
        <v>41262</v>
      </c>
      <c r="Q22">
        <v>0.70654598096869914</v>
      </c>
      <c r="R22" s="3">
        <v>39806</v>
      </c>
      <c r="S22">
        <v>-1.888274435270898E-2</v>
      </c>
      <c r="U22" s="3">
        <v>41513</v>
      </c>
      <c r="V22">
        <v>0.35500167524422754</v>
      </c>
      <c r="W22" s="3">
        <v>39811</v>
      </c>
      <c r="X22">
        <v>-0.40547465749966161</v>
      </c>
      <c r="Z22" s="3">
        <v>41177</v>
      </c>
      <c r="AA22">
        <v>4.1173595045159939E-2</v>
      </c>
      <c r="AB22" s="3">
        <v>39720</v>
      </c>
      <c r="AC22">
        <v>-1.0975035778826303E-2</v>
      </c>
      <c r="AE22" s="3">
        <v>41254</v>
      </c>
      <c r="AF22">
        <v>-0.18086691868702831</v>
      </c>
      <c r="AG22" s="3">
        <v>39944</v>
      </c>
      <c r="AH22">
        <v>8.4566251792887792E-2</v>
      </c>
    </row>
    <row r="23" spans="1:34">
      <c r="A23" s="3">
        <v>41137</v>
      </c>
      <c r="B23">
        <v>-0.25993057137497488</v>
      </c>
      <c r="C23" s="3">
        <v>39925</v>
      </c>
      <c r="D23">
        <v>-4.8385835599063287E-2</v>
      </c>
      <c r="H23" s="3">
        <v>39804</v>
      </c>
      <c r="I23">
        <v>-0.39989439605920951</v>
      </c>
      <c r="K23" s="3">
        <v>41589</v>
      </c>
      <c r="L23">
        <v>0.34094792216229308</v>
      </c>
      <c r="M23" s="3">
        <v>39828</v>
      </c>
      <c r="N23">
        <v>-6.4899764637344148E-2</v>
      </c>
      <c r="P23" s="3">
        <v>41302</v>
      </c>
      <c r="Q23">
        <v>0.79257526761003461</v>
      </c>
      <c r="R23" s="3">
        <v>39868</v>
      </c>
      <c r="S23">
        <v>-0.10351131542160019</v>
      </c>
      <c r="U23" s="3">
        <v>41779</v>
      </c>
      <c r="V23">
        <v>0.36713601860462353</v>
      </c>
      <c r="W23" s="3">
        <v>39869</v>
      </c>
      <c r="X23">
        <v>-0.47061555150818646</v>
      </c>
      <c r="Z23" s="3">
        <v>41386</v>
      </c>
      <c r="AA23">
        <v>1.4454552408271759E-2</v>
      </c>
      <c r="AB23" s="3">
        <v>39784</v>
      </c>
      <c r="AC23">
        <v>-2.4936659565606978E-2</v>
      </c>
      <c r="AE23" s="3">
        <v>41487</v>
      </c>
      <c r="AF23">
        <v>-0.1799677605297143</v>
      </c>
      <c r="AG23" s="3">
        <v>39983</v>
      </c>
      <c r="AH23">
        <v>-8.407943883442448E-2</v>
      </c>
    </row>
    <row r="24" spans="1:34">
      <c r="A24" s="3">
        <v>41206</v>
      </c>
      <c r="B24">
        <v>-0.29857209201991586</v>
      </c>
      <c r="C24" s="3">
        <v>39932</v>
      </c>
      <c r="D24">
        <v>-0.11182677989245915</v>
      </c>
      <c r="H24" s="3">
        <v>39867</v>
      </c>
      <c r="I24">
        <v>-0.50049554621541192</v>
      </c>
      <c r="K24" s="3">
        <v>41802</v>
      </c>
      <c r="L24">
        <v>0.33959849210836301</v>
      </c>
      <c r="M24" s="3">
        <v>39868</v>
      </c>
      <c r="N24">
        <v>-0.29255157828197864</v>
      </c>
      <c r="P24" s="3">
        <v>41359</v>
      </c>
      <c r="Q24">
        <v>0.68032422746395715</v>
      </c>
      <c r="R24" s="3">
        <v>39906</v>
      </c>
      <c r="S24">
        <v>0.36481230834054879</v>
      </c>
      <c r="U24" s="3">
        <v>41827</v>
      </c>
      <c r="V24">
        <v>0.33369413579658946</v>
      </c>
      <c r="W24" s="3">
        <v>39906</v>
      </c>
      <c r="X24">
        <v>-0.44495106304391618</v>
      </c>
      <c r="Z24" s="3">
        <v>41452</v>
      </c>
      <c r="AA24">
        <v>2.6949982300439101E-2</v>
      </c>
      <c r="AB24" s="3">
        <v>39793</v>
      </c>
      <c r="AC24">
        <v>-1.200128046245319E-2</v>
      </c>
      <c r="AE24" s="3">
        <v>41625</v>
      </c>
      <c r="AF24">
        <v>-0.17178380604398291</v>
      </c>
      <c r="AG24" s="3">
        <v>40023</v>
      </c>
      <c r="AH24">
        <v>-6.4275751025439032E-2</v>
      </c>
    </row>
    <row r="25" spans="1:34">
      <c r="A25" s="3">
        <v>41365</v>
      </c>
      <c r="B25">
        <v>-0.28142364592584967</v>
      </c>
      <c r="C25" s="3">
        <v>39980</v>
      </c>
      <c r="D25">
        <v>-0.12338034832707601</v>
      </c>
      <c r="H25" s="3">
        <v>39919</v>
      </c>
      <c r="I25">
        <v>-1.7103696317158024E-2</v>
      </c>
      <c r="K25" s="3">
        <v>42349</v>
      </c>
      <c r="L25">
        <v>0.20683529051239891</v>
      </c>
      <c r="M25" s="3">
        <v>39904</v>
      </c>
      <c r="N25">
        <v>-0.37718696024093823</v>
      </c>
      <c r="P25" s="3">
        <v>41411</v>
      </c>
      <c r="Q25">
        <v>0.6548386436530711</v>
      </c>
      <c r="R25" s="3">
        <v>39930</v>
      </c>
      <c r="S25">
        <v>0.30109810491534272</v>
      </c>
      <c r="U25" s="3">
        <v>42011</v>
      </c>
      <c r="V25">
        <v>0.29988693336828565</v>
      </c>
      <c r="W25" s="3">
        <v>39972</v>
      </c>
      <c r="X25">
        <v>-0.45624851928284538</v>
      </c>
      <c r="Z25" s="3">
        <v>41673</v>
      </c>
      <c r="AA25">
        <v>-5.7231392613171783E-3</v>
      </c>
      <c r="AB25" s="3">
        <v>39819</v>
      </c>
      <c r="AC25">
        <v>-5.3279192517924234E-2</v>
      </c>
      <c r="AE25" s="3">
        <v>41712</v>
      </c>
      <c r="AF25">
        <v>-0.1586864336744459</v>
      </c>
      <c r="AG25" s="3">
        <v>40060</v>
      </c>
      <c r="AH25">
        <v>0.1002471938492091</v>
      </c>
    </row>
    <row r="26" spans="1:34">
      <c r="A26" s="3">
        <v>41417</v>
      </c>
      <c r="B26">
        <v>-0.27495697618916126</v>
      </c>
      <c r="C26" s="3">
        <v>40042</v>
      </c>
      <c r="D26">
        <v>-1.1331269475084782E-2</v>
      </c>
      <c r="H26" s="3">
        <v>39923</v>
      </c>
      <c r="I26">
        <v>2.3529570782282239E-2</v>
      </c>
      <c r="M26" s="3">
        <v>39938</v>
      </c>
      <c r="N26">
        <v>-0.29504528907336347</v>
      </c>
      <c r="P26" s="3">
        <v>41578</v>
      </c>
      <c r="Q26">
        <v>0.57749435541550698</v>
      </c>
      <c r="R26" s="3">
        <v>39973</v>
      </c>
      <c r="S26">
        <v>0.32290427999326643</v>
      </c>
      <c r="U26" s="3">
        <v>42109</v>
      </c>
      <c r="V26">
        <v>0.2859843305523504</v>
      </c>
      <c r="W26" s="3">
        <v>40004</v>
      </c>
      <c r="X26">
        <v>-0.4639613062433724</v>
      </c>
      <c r="Z26" s="3">
        <v>41697</v>
      </c>
      <c r="AA26">
        <v>-8.7665970214949263E-2</v>
      </c>
      <c r="AB26" s="3">
        <v>39862</v>
      </c>
      <c r="AC26">
        <v>-9.0716460552655809E-2</v>
      </c>
      <c r="AE26" s="3">
        <v>41739</v>
      </c>
      <c r="AF26">
        <v>-0.19638845241434633</v>
      </c>
      <c r="AG26" s="3">
        <v>40073</v>
      </c>
      <c r="AH26">
        <v>3.3275625527952934E-2</v>
      </c>
    </row>
    <row r="27" spans="1:34">
      <c r="A27" s="3">
        <v>41486</v>
      </c>
      <c r="B27">
        <v>-0.27248728047242032</v>
      </c>
      <c r="C27" s="3">
        <v>40088</v>
      </c>
      <c r="D27">
        <v>-4.4150185790839402E-2</v>
      </c>
      <c r="H27" s="3">
        <v>40044</v>
      </c>
      <c r="I27">
        <v>0.23889917454097032</v>
      </c>
      <c r="M27" s="3">
        <v>39982</v>
      </c>
      <c r="N27">
        <v>-0.36682754220816238</v>
      </c>
      <c r="P27" s="3">
        <v>41667</v>
      </c>
      <c r="Q27">
        <v>0.58228629011778765</v>
      </c>
      <c r="R27" s="3">
        <v>40024</v>
      </c>
      <c r="S27">
        <v>0.4830971190335871</v>
      </c>
      <c r="U27" s="3">
        <v>42193</v>
      </c>
      <c r="V27">
        <v>0.15639992922615509</v>
      </c>
      <c r="W27" s="3">
        <v>40042</v>
      </c>
      <c r="X27">
        <v>-0.45470405906500966</v>
      </c>
      <c r="Z27" s="3">
        <v>41743</v>
      </c>
      <c r="AA27">
        <v>-0.13149870312167922</v>
      </c>
      <c r="AB27" s="3">
        <v>39923</v>
      </c>
      <c r="AC27">
        <v>-4.6460371679775903E-2</v>
      </c>
      <c r="AE27" s="3">
        <v>41803</v>
      </c>
      <c r="AF27">
        <v>-0.20222111687262923</v>
      </c>
      <c r="AG27" s="3">
        <v>40112</v>
      </c>
      <c r="AH27">
        <v>-8.0918828630216488E-2</v>
      </c>
    </row>
    <row r="28" spans="1:34">
      <c r="A28" s="3">
        <v>41583</v>
      </c>
      <c r="B28">
        <v>-0.28480290294570509</v>
      </c>
      <c r="C28" s="3">
        <v>40114</v>
      </c>
      <c r="D28">
        <v>-0.1367228810947243</v>
      </c>
      <c r="H28" s="3">
        <v>40081</v>
      </c>
      <c r="I28">
        <v>0.56090150834752084</v>
      </c>
      <c r="M28" s="3">
        <v>40035</v>
      </c>
      <c r="N28">
        <v>-0.15385135185999865</v>
      </c>
      <c r="P28" s="3">
        <v>41957</v>
      </c>
      <c r="Q28">
        <v>0.60847954289338624</v>
      </c>
      <c r="R28" s="3">
        <v>40087</v>
      </c>
      <c r="S28">
        <v>0.54466280119608079</v>
      </c>
      <c r="U28" s="3">
        <v>42220</v>
      </c>
      <c r="V28">
        <v>0.18460473988329285</v>
      </c>
      <c r="W28" s="3">
        <v>40080</v>
      </c>
      <c r="X28">
        <v>-0.43899424423898259</v>
      </c>
      <c r="Z28" s="3">
        <v>41957</v>
      </c>
      <c r="AA28">
        <v>-0.14145418395251386</v>
      </c>
      <c r="AB28" s="3">
        <v>39933</v>
      </c>
      <c r="AC28">
        <v>-5.5048681559926371E-2</v>
      </c>
      <c r="AE28" s="3">
        <v>42052</v>
      </c>
      <c r="AF28">
        <v>-0.19091512738632455</v>
      </c>
      <c r="AG28" s="3">
        <v>40151</v>
      </c>
      <c r="AH28">
        <v>-0.10670467311754517</v>
      </c>
    </row>
    <row r="29" spans="1:34">
      <c r="A29" s="3">
        <v>41617</v>
      </c>
      <c r="B29">
        <v>-0.27978981514224754</v>
      </c>
      <c r="C29" s="3">
        <v>40154</v>
      </c>
      <c r="D29">
        <v>-7.6555081898296073E-2</v>
      </c>
      <c r="H29" s="3">
        <v>40114</v>
      </c>
      <c r="I29">
        <v>0.39453038629623882</v>
      </c>
      <c r="M29" s="3">
        <v>40088</v>
      </c>
      <c r="N29">
        <v>-0.16718752839177609</v>
      </c>
      <c r="P29" s="3">
        <v>42067</v>
      </c>
      <c r="Q29">
        <v>0.58923704437394231</v>
      </c>
      <c r="R29" s="3">
        <v>40112</v>
      </c>
      <c r="S29">
        <v>0.37245693888968634</v>
      </c>
      <c r="U29" s="3">
        <v>42349</v>
      </c>
      <c r="V29">
        <v>0.12127071669258793</v>
      </c>
      <c r="W29" s="3">
        <v>40119</v>
      </c>
      <c r="X29">
        <v>-0.4633857988372877</v>
      </c>
      <c r="Z29" s="3">
        <v>42081</v>
      </c>
      <c r="AA29">
        <v>-0.12376089345039254</v>
      </c>
      <c r="AB29" s="3">
        <v>39938</v>
      </c>
      <c r="AC29">
        <v>-8.5977960925712527E-2</v>
      </c>
      <c r="AE29" s="3">
        <v>42159</v>
      </c>
      <c r="AF29">
        <v>-0.17908093756364574</v>
      </c>
      <c r="AG29" s="3">
        <v>40197</v>
      </c>
      <c r="AH29">
        <v>4.9572427427617693E-3</v>
      </c>
    </row>
    <row r="30" spans="1:34">
      <c r="A30" s="3">
        <v>41977</v>
      </c>
      <c r="B30">
        <v>-0.33056693107409074</v>
      </c>
      <c r="C30" s="3">
        <v>40200</v>
      </c>
      <c r="D30">
        <v>-0.17230774749029187</v>
      </c>
      <c r="H30" s="3">
        <v>40149</v>
      </c>
      <c r="I30">
        <v>0.25744305564865244</v>
      </c>
      <c r="M30" s="3">
        <v>40116</v>
      </c>
      <c r="N30">
        <v>-0.26769174479532043</v>
      </c>
      <c r="P30" s="3">
        <v>42220</v>
      </c>
      <c r="Q30">
        <v>0.65482778891596771</v>
      </c>
      <c r="R30" s="3">
        <v>40150</v>
      </c>
      <c r="S30">
        <v>0.3054991419377957</v>
      </c>
      <c r="U30" s="3">
        <v>42461</v>
      </c>
      <c r="V30">
        <v>0.10491092389736978</v>
      </c>
      <c r="W30" s="3">
        <v>40161</v>
      </c>
      <c r="X30">
        <v>-0.44639732447150327</v>
      </c>
      <c r="Z30" s="3">
        <v>42117</v>
      </c>
      <c r="AA30">
        <v>-0.13473414251794169</v>
      </c>
      <c r="AB30" s="3">
        <v>39972</v>
      </c>
      <c r="AC30">
        <v>6.0185094305678088E-3</v>
      </c>
      <c r="AE30" s="3">
        <v>42307</v>
      </c>
      <c r="AF30">
        <v>-0.20161597065013392</v>
      </c>
      <c r="AG30" s="3">
        <v>40282</v>
      </c>
      <c r="AH30">
        <v>0.30921035293093735</v>
      </c>
    </row>
    <row r="31" spans="1:34">
      <c r="A31" s="3">
        <v>42114</v>
      </c>
      <c r="B31">
        <v>-0.34715228656942387</v>
      </c>
      <c r="C31" s="3">
        <v>40275</v>
      </c>
      <c r="D31">
        <v>-0.11747846877071666</v>
      </c>
      <c r="H31" s="3">
        <v>40203</v>
      </c>
      <c r="I31">
        <v>0.29527240350331718</v>
      </c>
      <c r="M31" s="3">
        <v>40154</v>
      </c>
      <c r="N31">
        <v>-0.25944869745352239</v>
      </c>
      <c r="P31" s="3">
        <v>42447</v>
      </c>
      <c r="Q31">
        <v>0.6208303829202817</v>
      </c>
      <c r="R31" s="3">
        <v>40197</v>
      </c>
      <c r="S31">
        <v>0.24547403509190358</v>
      </c>
      <c r="U31" s="3">
        <v>42607</v>
      </c>
      <c r="V31">
        <v>7.1332720858474863E-2</v>
      </c>
      <c r="W31" s="3">
        <v>40198</v>
      </c>
      <c r="X31">
        <v>-0.45713200239033835</v>
      </c>
      <c r="Z31" s="3">
        <v>42219</v>
      </c>
      <c r="AA31">
        <v>-0.15840707755517547</v>
      </c>
      <c r="AB31" s="3">
        <v>40001</v>
      </c>
      <c r="AC31">
        <v>-7.2797744848235313E-3</v>
      </c>
      <c r="AE31" s="3">
        <v>42355</v>
      </c>
      <c r="AF31">
        <v>-0.2092196280725136</v>
      </c>
      <c r="AG31" s="3">
        <v>40330</v>
      </c>
      <c r="AH31">
        <v>0.324003690252191</v>
      </c>
    </row>
    <row r="32" spans="1:34">
      <c r="A32" s="3">
        <v>42303</v>
      </c>
      <c r="B32">
        <v>-0.26009497840357576</v>
      </c>
      <c r="C32" s="3">
        <v>40283</v>
      </c>
      <c r="D32">
        <v>-0.10262758729281607</v>
      </c>
      <c r="H32" s="3">
        <v>40274</v>
      </c>
      <c r="I32">
        <v>0.47137459544555971</v>
      </c>
      <c r="M32" s="3">
        <v>40186</v>
      </c>
      <c r="N32">
        <v>-0.25572075212097545</v>
      </c>
      <c r="P32" s="3">
        <v>42628</v>
      </c>
      <c r="Q32">
        <v>0.47629070956251662</v>
      </c>
      <c r="R32" s="3">
        <v>40267</v>
      </c>
      <c r="S32">
        <v>0.54918422882026752</v>
      </c>
      <c r="W32" s="3">
        <v>40262</v>
      </c>
      <c r="X32">
        <v>-0.44615644411829236</v>
      </c>
      <c r="Z32" s="3">
        <v>42314</v>
      </c>
      <c r="AA32">
        <v>-0.11882380662877312</v>
      </c>
      <c r="AB32" s="3">
        <v>40036</v>
      </c>
      <c r="AC32">
        <v>-4.4703728529946307E-2</v>
      </c>
      <c r="AE32" s="3">
        <v>42466</v>
      </c>
      <c r="AF32">
        <v>-0.18365435521078732</v>
      </c>
      <c r="AG32" s="3">
        <v>40332</v>
      </c>
      <c r="AH32">
        <v>0.34764661329240898</v>
      </c>
    </row>
    <row r="33" spans="1:34">
      <c r="A33" s="3">
        <v>42437</v>
      </c>
      <c r="B33">
        <v>-0.27105135645903722</v>
      </c>
      <c r="C33" s="3">
        <v>40298</v>
      </c>
      <c r="D33">
        <v>-7.24504301443476E-2</v>
      </c>
      <c r="H33" s="3">
        <v>40329</v>
      </c>
      <c r="I33">
        <v>0.37923835477698264</v>
      </c>
      <c r="M33" s="3">
        <v>40238</v>
      </c>
      <c r="N33">
        <v>-0.30629101918620216</v>
      </c>
      <c r="R33" s="3">
        <v>40360</v>
      </c>
      <c r="S33">
        <v>0.45421014526371284</v>
      </c>
      <c r="W33" s="3">
        <v>40290</v>
      </c>
      <c r="X33">
        <v>-0.46674392323634417</v>
      </c>
      <c r="Z33" s="3">
        <v>42416</v>
      </c>
      <c r="AA33">
        <v>-0.14155857869510757</v>
      </c>
      <c r="AB33" s="3">
        <v>40091</v>
      </c>
      <c r="AC33">
        <v>7.7151935020463247E-2</v>
      </c>
      <c r="AE33" s="3">
        <v>42536</v>
      </c>
      <c r="AF33">
        <v>-0.22186863573348448</v>
      </c>
      <c r="AG33" s="3">
        <v>40361</v>
      </c>
      <c r="AH33">
        <v>0.52087907019956159</v>
      </c>
    </row>
    <row r="34" spans="1:34">
      <c r="A34" s="3">
        <v>42544</v>
      </c>
      <c r="B34">
        <v>-0.24162702314632223</v>
      </c>
      <c r="C34" s="3">
        <v>40358</v>
      </c>
      <c r="D34">
        <v>-0.11618561158407925</v>
      </c>
      <c r="H34" s="3">
        <v>40364</v>
      </c>
      <c r="I34">
        <v>0.36211703632676184</v>
      </c>
      <c r="M34" s="3">
        <v>40242</v>
      </c>
      <c r="N34">
        <v>-0.28381875642744536</v>
      </c>
      <c r="R34" s="3">
        <v>40402</v>
      </c>
      <c r="S34">
        <v>0.52271294837086013</v>
      </c>
      <c r="W34" s="3">
        <v>40361</v>
      </c>
      <c r="X34">
        <v>-0.42153625218892399</v>
      </c>
      <c r="Z34" s="3">
        <v>42576</v>
      </c>
      <c r="AA34">
        <v>-0.14731090319700724</v>
      </c>
      <c r="AB34" s="3">
        <v>40144</v>
      </c>
      <c r="AC34">
        <v>0.10407561894335848</v>
      </c>
      <c r="AE34" s="3">
        <v>42590</v>
      </c>
      <c r="AF34">
        <v>-0.23928602021579481</v>
      </c>
      <c r="AG34" s="3">
        <v>40400</v>
      </c>
      <c r="AH34">
        <v>0.59066624272454149</v>
      </c>
    </row>
    <row r="35" spans="1:34">
      <c r="A35" s="3">
        <v>42562</v>
      </c>
      <c r="B35">
        <v>-0.22510997724889259</v>
      </c>
      <c r="C35" s="3">
        <v>40401</v>
      </c>
      <c r="D35">
        <v>-6.8702215664698918E-2</v>
      </c>
      <c r="H35" s="3">
        <v>40402</v>
      </c>
      <c r="I35">
        <v>0.43379816587692432</v>
      </c>
      <c r="M35" s="3">
        <v>40269</v>
      </c>
      <c r="N35">
        <v>-0.23185710606827326</v>
      </c>
      <c r="R35" s="3">
        <v>40443</v>
      </c>
      <c r="S35">
        <v>0.37828493002349872</v>
      </c>
      <c r="W35" s="3">
        <v>40392</v>
      </c>
      <c r="X35">
        <v>-0.376193488108721</v>
      </c>
      <c r="AB35" s="3">
        <v>40199</v>
      </c>
      <c r="AC35">
        <v>8.2143041314074017E-2</v>
      </c>
      <c r="AG35" s="3">
        <v>40470</v>
      </c>
      <c r="AH35">
        <v>1.0361621148278064</v>
      </c>
    </row>
    <row r="36" spans="1:34">
      <c r="C36" s="3">
        <v>40464</v>
      </c>
      <c r="D36">
        <v>0.11568921043140645</v>
      </c>
      <c r="H36" s="3">
        <v>40451</v>
      </c>
      <c r="I36">
        <v>0.35199446372468501</v>
      </c>
      <c r="M36" s="3">
        <v>40304</v>
      </c>
      <c r="N36">
        <v>-0.27262776736157268</v>
      </c>
      <c r="R36" s="3">
        <v>40484</v>
      </c>
      <c r="S36">
        <v>0.41583433466472086</v>
      </c>
      <c r="W36" s="3">
        <v>40452</v>
      </c>
      <c r="X36">
        <v>-0.34599408057389369</v>
      </c>
      <c r="AB36" s="3">
        <v>40256</v>
      </c>
      <c r="AC36">
        <v>0.17361913825930575</v>
      </c>
      <c r="AG36" s="3">
        <v>40506</v>
      </c>
      <c r="AH36">
        <v>0.98583001760734379</v>
      </c>
    </row>
    <row r="37" spans="1:34">
      <c r="C37" s="3">
        <v>40500</v>
      </c>
      <c r="D37">
        <v>9.0309935706789801E-2</v>
      </c>
      <c r="H37" s="3">
        <v>40483</v>
      </c>
      <c r="I37">
        <v>0.36932061422135121</v>
      </c>
      <c r="M37" s="3">
        <v>40329</v>
      </c>
      <c r="N37">
        <v>-0.23197884269442381</v>
      </c>
      <c r="R37" s="3">
        <v>40547</v>
      </c>
      <c r="S37">
        <v>0.47120509304536129</v>
      </c>
      <c r="W37" s="3">
        <v>40493</v>
      </c>
      <c r="X37">
        <v>-0.37403582815647918</v>
      </c>
      <c r="AB37" s="3">
        <v>40284</v>
      </c>
      <c r="AC37">
        <v>0.16035558428432295</v>
      </c>
      <c r="AG37" s="3">
        <v>40529</v>
      </c>
      <c r="AH37">
        <v>1.0795433442809488</v>
      </c>
    </row>
    <row r="38" spans="1:34">
      <c r="C38" s="3">
        <v>40540</v>
      </c>
      <c r="D38">
        <v>4.8574004975758145E-2</v>
      </c>
      <c r="H38" s="3">
        <v>40542</v>
      </c>
      <c r="I38">
        <v>0.3406925405721446</v>
      </c>
      <c r="M38" s="3">
        <v>40358</v>
      </c>
      <c r="N38">
        <v>-0.24406501255187918</v>
      </c>
      <c r="R38" s="3">
        <v>40578</v>
      </c>
      <c r="S38">
        <v>0.68748851064272909</v>
      </c>
      <c r="W38" s="3">
        <v>40584</v>
      </c>
      <c r="X38">
        <v>-0.35355146028032125</v>
      </c>
      <c r="AB38" s="3">
        <v>40357</v>
      </c>
      <c r="AC38">
        <v>0.30437822329425956</v>
      </c>
      <c r="AG38" s="3">
        <v>40588</v>
      </c>
      <c r="AH38">
        <v>1.4286958170799675</v>
      </c>
    </row>
    <row r="39" spans="1:34">
      <c r="C39" s="3">
        <v>40599</v>
      </c>
      <c r="D39">
        <v>6.8358453696887089E-2</v>
      </c>
      <c r="H39" s="3">
        <v>40612</v>
      </c>
      <c r="I39">
        <v>0.48178055027526501</v>
      </c>
      <c r="M39" s="3">
        <v>40392</v>
      </c>
      <c r="N39">
        <v>-0.2658759446316632</v>
      </c>
      <c r="R39" s="3">
        <v>40652</v>
      </c>
      <c r="S39">
        <v>0.68229620927881784</v>
      </c>
      <c r="W39" s="3">
        <v>40644</v>
      </c>
      <c r="X39">
        <v>-0.26219042468824671</v>
      </c>
      <c r="AB39" s="3">
        <v>40413</v>
      </c>
      <c r="AC39">
        <v>0.30113927963260601</v>
      </c>
      <c r="AG39" s="3">
        <v>40652</v>
      </c>
      <c r="AH39">
        <v>1.4720224025184603</v>
      </c>
    </row>
    <row r="40" spans="1:34">
      <c r="C40" s="3">
        <v>40674</v>
      </c>
      <c r="D40">
        <v>0.23683421021759687</v>
      </c>
      <c r="H40" s="3">
        <v>40646</v>
      </c>
      <c r="I40">
        <v>0.33922414730244643</v>
      </c>
      <c r="M40" s="3">
        <v>40451</v>
      </c>
      <c r="N40">
        <v>-0.15690511401772511</v>
      </c>
      <c r="R40" s="3">
        <v>40676</v>
      </c>
      <c r="S40">
        <v>0.55137200177494328</v>
      </c>
      <c r="W40" s="3">
        <v>40732</v>
      </c>
      <c r="X40">
        <v>-0.23891248198293769</v>
      </c>
      <c r="AB40" s="3">
        <v>40466</v>
      </c>
      <c r="AC40">
        <v>0.40219431096012404</v>
      </c>
      <c r="AG40" s="3">
        <v>40680</v>
      </c>
      <c r="AH40">
        <v>1.4306040377496325</v>
      </c>
    </row>
    <row r="41" spans="1:34">
      <c r="C41" s="3">
        <v>40702</v>
      </c>
      <c r="D41">
        <v>0.19747879820718039</v>
      </c>
      <c r="H41" s="3">
        <v>40690</v>
      </c>
      <c r="I41">
        <v>0.2456107259123812</v>
      </c>
      <c r="M41" s="3">
        <v>40483</v>
      </c>
      <c r="N41">
        <v>-0.18054891308412591</v>
      </c>
      <c r="R41" s="3">
        <v>40735</v>
      </c>
      <c r="S41">
        <v>0.40169220060821109</v>
      </c>
      <c r="W41" s="3">
        <v>40764</v>
      </c>
      <c r="X41">
        <v>-0.31897428532464056</v>
      </c>
      <c r="AB41" s="3">
        <v>40533</v>
      </c>
      <c r="AC41">
        <v>0.31780829495647955</v>
      </c>
      <c r="AG41" s="3">
        <v>40710</v>
      </c>
      <c r="AH41">
        <v>1.2644836179034344</v>
      </c>
    </row>
    <row r="42" spans="1:34">
      <c r="C42" s="3">
        <v>40711</v>
      </c>
      <c r="D42">
        <v>0.20308212849980256</v>
      </c>
      <c r="H42" s="3">
        <v>40716</v>
      </c>
      <c r="I42">
        <v>0.28552079294493282</v>
      </c>
      <c r="M42" s="3">
        <v>40534</v>
      </c>
      <c r="N42">
        <v>-0.12377922550404574</v>
      </c>
      <c r="R42" s="3">
        <v>40760</v>
      </c>
      <c r="S42">
        <v>0.10692124144524162</v>
      </c>
      <c r="W42" s="3">
        <v>40795</v>
      </c>
      <c r="X42">
        <v>-0.44325270860608956</v>
      </c>
      <c r="AB42" s="3">
        <v>40603</v>
      </c>
      <c r="AC42">
        <v>0.54475128014854035</v>
      </c>
      <c r="AG42" s="3">
        <v>40743</v>
      </c>
      <c r="AH42">
        <v>1.0884669873415085</v>
      </c>
    </row>
    <row r="43" spans="1:34">
      <c r="C43" s="3">
        <v>40743</v>
      </c>
      <c r="D43">
        <v>0.23885903749227921</v>
      </c>
      <c r="H43" s="3">
        <v>40735</v>
      </c>
      <c r="I43">
        <v>0.22496938456755511</v>
      </c>
      <c r="M43" s="3">
        <v>40575</v>
      </c>
      <c r="N43">
        <v>-0.15039899434902027</v>
      </c>
      <c r="R43" s="3">
        <v>40801</v>
      </c>
      <c r="S43">
        <v>-4.8321100906646208E-2</v>
      </c>
      <c r="W43" s="3">
        <v>40843</v>
      </c>
      <c r="X43">
        <v>-0.34965320752679985</v>
      </c>
      <c r="AB43" s="3">
        <v>40667</v>
      </c>
      <c r="AC43">
        <v>0.6504588620120364</v>
      </c>
      <c r="AG43" s="3">
        <v>40816</v>
      </c>
      <c r="AH43">
        <v>0.87076012563075733</v>
      </c>
    </row>
    <row r="44" spans="1:34">
      <c r="C44" s="3">
        <v>40802</v>
      </c>
      <c r="D44">
        <v>0.34079051649034753</v>
      </c>
      <c r="H44" s="3">
        <v>40764</v>
      </c>
      <c r="I44">
        <v>-2.4089336886531365E-2</v>
      </c>
      <c r="M44" s="3">
        <v>40599</v>
      </c>
      <c r="N44">
        <v>-0.18087363868990869</v>
      </c>
      <c r="R44" s="3">
        <v>40844</v>
      </c>
      <c r="S44">
        <v>0.25746720675739887</v>
      </c>
      <c r="W44" s="3">
        <v>40879</v>
      </c>
      <c r="X44">
        <v>-0.3400025543821027</v>
      </c>
      <c r="AB44" s="3">
        <v>40717</v>
      </c>
      <c r="AC44">
        <v>0.66564704148644149</v>
      </c>
      <c r="AG44" s="3">
        <v>40855</v>
      </c>
      <c r="AH44">
        <v>0.99448200395069342</v>
      </c>
    </row>
    <row r="45" spans="1:34">
      <c r="C45" s="3">
        <v>40816</v>
      </c>
      <c r="D45">
        <v>0.30849787295597353</v>
      </c>
      <c r="H45" s="3">
        <v>40800</v>
      </c>
      <c r="I45">
        <v>-0.21662883599271376</v>
      </c>
      <c r="M45" s="3">
        <v>40652</v>
      </c>
      <c r="N45">
        <v>-0.13477409204564139</v>
      </c>
      <c r="R45" s="3">
        <v>40855</v>
      </c>
      <c r="S45">
        <v>0.10702458022015082</v>
      </c>
      <c r="W45" s="3">
        <v>40893</v>
      </c>
      <c r="X45">
        <v>-0.37179018645676065</v>
      </c>
      <c r="AB45" s="3">
        <v>40758</v>
      </c>
      <c r="AC45">
        <v>0.6399806314525891</v>
      </c>
      <c r="AG45" s="3">
        <v>40898</v>
      </c>
      <c r="AH45">
        <v>0.80673736543699759</v>
      </c>
    </row>
    <row r="46" spans="1:34">
      <c r="C46" s="3">
        <v>40850</v>
      </c>
      <c r="D46">
        <v>0.37478984201926324</v>
      </c>
      <c r="H46" s="3">
        <v>40833</v>
      </c>
      <c r="I46">
        <v>-0.23600661544506885</v>
      </c>
      <c r="M46" s="3">
        <v>40676</v>
      </c>
      <c r="N46">
        <v>-0.13716327601237932</v>
      </c>
      <c r="R46" s="3">
        <v>40897</v>
      </c>
      <c r="S46">
        <v>3.2799823794009697E-2</v>
      </c>
      <c r="W46" s="3">
        <v>40945</v>
      </c>
      <c r="X46">
        <v>-0.34887505980616207</v>
      </c>
      <c r="AB46" s="3">
        <v>40819</v>
      </c>
      <c r="AC46">
        <v>0.56690504802140196</v>
      </c>
      <c r="AG46" s="3">
        <v>40947</v>
      </c>
      <c r="AH46">
        <v>1.3080954323165739</v>
      </c>
    </row>
    <row r="47" spans="1:34">
      <c r="C47" s="3">
        <v>40893</v>
      </c>
      <c r="D47">
        <v>0.2502472240848066</v>
      </c>
      <c r="H47" s="3">
        <v>40858</v>
      </c>
      <c r="I47">
        <v>-0.281658073785369</v>
      </c>
      <c r="M47" s="3">
        <v>40742</v>
      </c>
      <c r="N47">
        <v>-5.655857143604115E-2</v>
      </c>
      <c r="R47" s="3">
        <v>40948</v>
      </c>
      <c r="S47">
        <v>8.4919266695267392E-2</v>
      </c>
      <c r="W47" s="3">
        <v>40967</v>
      </c>
      <c r="X47">
        <v>-0.34225905702688519</v>
      </c>
      <c r="AB47" s="3">
        <v>40854</v>
      </c>
      <c r="AC47">
        <v>0.57948336894922914</v>
      </c>
      <c r="AG47" s="3">
        <v>41010</v>
      </c>
      <c r="AH47">
        <v>1.1906948508152224</v>
      </c>
    </row>
    <row r="48" spans="1:34">
      <c r="C48" s="3">
        <v>40947</v>
      </c>
      <c r="D48">
        <v>0.44846174263155558</v>
      </c>
      <c r="H48" s="3">
        <v>40917</v>
      </c>
      <c r="I48">
        <v>-0.40751113572315234</v>
      </c>
      <c r="M48" s="3">
        <v>40821</v>
      </c>
      <c r="N48">
        <v>-0.13955502717963986</v>
      </c>
      <c r="R48" s="3">
        <v>40998</v>
      </c>
      <c r="S48">
        <v>0.15028137452767099</v>
      </c>
      <c r="W48" s="3">
        <v>41008</v>
      </c>
      <c r="X48">
        <v>-0.36907212375374254</v>
      </c>
      <c r="AB48" s="3">
        <v>40928</v>
      </c>
      <c r="AC48">
        <v>0.61070755049690129</v>
      </c>
      <c r="AG48" s="3">
        <v>41036</v>
      </c>
      <c r="AH48">
        <v>1.048787492057961</v>
      </c>
    </row>
    <row r="49" spans="3:34">
      <c r="C49" s="3">
        <v>40974</v>
      </c>
      <c r="D49">
        <v>0.37016651134077994</v>
      </c>
      <c r="H49" s="3">
        <v>40948</v>
      </c>
      <c r="I49">
        <v>-3.6760714749016654E-2</v>
      </c>
      <c r="M49" s="3">
        <v>40848</v>
      </c>
      <c r="N49">
        <v>-0.16451633183049541</v>
      </c>
      <c r="R49" s="3">
        <v>41039</v>
      </c>
      <c r="S49">
        <v>2.0375279375943744E-3</v>
      </c>
      <c r="W49" s="3">
        <v>41051</v>
      </c>
      <c r="X49">
        <v>-0.42330978329070157</v>
      </c>
      <c r="AB49" s="3">
        <v>40960</v>
      </c>
      <c r="AC49">
        <v>0.56898988857107802</v>
      </c>
      <c r="AG49" s="3">
        <v>41088</v>
      </c>
      <c r="AH49">
        <v>0.74587536285584299</v>
      </c>
    </row>
    <row r="50" spans="3:34">
      <c r="C50" s="3">
        <v>41012</v>
      </c>
      <c r="D50">
        <v>0.32693486307204722</v>
      </c>
      <c r="H50" s="3">
        <v>41003</v>
      </c>
      <c r="I50">
        <v>-7.0403729062726961E-2</v>
      </c>
      <c r="M50" s="3">
        <v>40898</v>
      </c>
      <c r="N50">
        <v>-0.15499657789033316</v>
      </c>
      <c r="R50" s="3">
        <v>41096</v>
      </c>
      <c r="S50">
        <v>-8.5702233058632449E-2</v>
      </c>
      <c r="W50" s="3">
        <v>41100</v>
      </c>
      <c r="X50">
        <v>-0.41034411859440256</v>
      </c>
      <c r="AB50" s="3">
        <v>41012</v>
      </c>
      <c r="AC50">
        <v>0.55756076625588769</v>
      </c>
      <c r="AG50" s="3">
        <v>41142</v>
      </c>
      <c r="AH50">
        <v>0.92230620646269301</v>
      </c>
    </row>
    <row r="51" spans="3:34">
      <c r="C51" s="3">
        <v>41045</v>
      </c>
      <c r="D51">
        <v>0.29391983077006145</v>
      </c>
      <c r="H51" s="3">
        <v>41047</v>
      </c>
      <c r="I51">
        <v>-0.20677819199976755</v>
      </c>
      <c r="M51" s="3">
        <v>40941</v>
      </c>
      <c r="N51">
        <v>2.4623288819627609E-2</v>
      </c>
      <c r="R51" s="3">
        <v>41177</v>
      </c>
      <c r="S51">
        <v>0.2143591975505108</v>
      </c>
      <c r="W51" s="3">
        <v>41123</v>
      </c>
      <c r="X51">
        <v>-0.42344758262563809</v>
      </c>
      <c r="AB51" s="3">
        <v>41043</v>
      </c>
      <c r="AC51">
        <v>0.49410957797459942</v>
      </c>
      <c r="AG51" s="3">
        <v>41180</v>
      </c>
      <c r="AH51">
        <v>0.59737444769287018</v>
      </c>
    </row>
    <row r="52" spans="3:34">
      <c r="C52" s="3">
        <v>41099</v>
      </c>
      <c r="D52">
        <v>0.26432611300249209</v>
      </c>
      <c r="H52" s="3">
        <v>41093</v>
      </c>
      <c r="I52">
        <v>-0.15954189523322893</v>
      </c>
      <c r="M52" s="3">
        <v>40998</v>
      </c>
      <c r="N52">
        <v>-1.6805287328125584E-2</v>
      </c>
      <c r="R52" s="3">
        <v>41218</v>
      </c>
      <c r="S52">
        <v>0.21015817104653012</v>
      </c>
      <c r="W52" s="3">
        <v>41135</v>
      </c>
      <c r="X52">
        <v>-0.4127234012572929</v>
      </c>
      <c r="AB52" s="3">
        <v>41101</v>
      </c>
      <c r="AC52">
        <v>0.5957217618787285</v>
      </c>
      <c r="AG52" s="3">
        <v>41222</v>
      </c>
      <c r="AH52">
        <v>0.62114490078353812</v>
      </c>
    </row>
    <row r="53" spans="3:34">
      <c r="C53" s="3">
        <v>41113</v>
      </c>
      <c r="D53">
        <v>0.24952623894136061</v>
      </c>
      <c r="H53" s="3">
        <v>41138</v>
      </c>
      <c r="I53">
        <v>-0.15540545865984168</v>
      </c>
      <c r="M53" s="3">
        <v>41045</v>
      </c>
      <c r="N53">
        <v>-0.12086351816997998</v>
      </c>
      <c r="R53" s="3">
        <v>41262</v>
      </c>
      <c r="S53">
        <v>0.23553643255970291</v>
      </c>
      <c r="W53" s="3">
        <v>41162</v>
      </c>
      <c r="X53">
        <v>-0.39897445078505567</v>
      </c>
      <c r="AB53" s="3">
        <v>41127</v>
      </c>
      <c r="AC53">
        <v>0.58150367259093061</v>
      </c>
      <c r="AG53" s="3">
        <v>41254</v>
      </c>
      <c r="AH53">
        <v>0.61900618719411393</v>
      </c>
    </row>
    <row r="54" spans="3:34">
      <c r="C54" s="3">
        <v>41137</v>
      </c>
      <c r="D54">
        <v>0.36523629099462118</v>
      </c>
      <c r="H54" s="3">
        <v>41142</v>
      </c>
      <c r="I54">
        <v>-0.16887775546031591</v>
      </c>
      <c r="M54" s="3">
        <v>41072</v>
      </c>
      <c r="N54">
        <v>-0.19133306533375294</v>
      </c>
      <c r="R54" s="3">
        <v>41302</v>
      </c>
      <c r="S54">
        <v>0.34256419433998664</v>
      </c>
      <c r="W54" s="3">
        <v>41179</v>
      </c>
      <c r="X54">
        <v>-0.39945145518919456</v>
      </c>
      <c r="AB54" s="3">
        <v>41134</v>
      </c>
      <c r="AC54">
        <v>0.58612085860150231</v>
      </c>
      <c r="AG54" s="3">
        <v>41296</v>
      </c>
      <c r="AH54">
        <v>0.76546884960531747</v>
      </c>
    </row>
    <row r="55" spans="3:34">
      <c r="C55" s="3">
        <v>41162</v>
      </c>
      <c r="D55">
        <v>0.35527109532570411</v>
      </c>
      <c r="H55" s="3">
        <v>41180</v>
      </c>
      <c r="I55">
        <v>-6.5566213338820067E-2</v>
      </c>
      <c r="M55" s="3">
        <v>41113</v>
      </c>
      <c r="N55">
        <v>-0.15974271174114518</v>
      </c>
      <c r="R55" s="3">
        <v>41359</v>
      </c>
      <c r="S55">
        <v>0.19757951559118525</v>
      </c>
      <c r="W55" s="3">
        <v>41219</v>
      </c>
      <c r="X55">
        <v>-0.42606133858220163</v>
      </c>
      <c r="AB55" s="3">
        <v>41177</v>
      </c>
      <c r="AC55">
        <v>0.55957217100656131</v>
      </c>
      <c r="AG55" s="3">
        <v>41358</v>
      </c>
      <c r="AH55">
        <v>0.66981329356074193</v>
      </c>
    </row>
    <row r="56" spans="3:34">
      <c r="C56" s="3">
        <v>41180</v>
      </c>
      <c r="D56">
        <v>0.3662300940994434</v>
      </c>
      <c r="H56" s="3">
        <v>41215</v>
      </c>
      <c r="I56">
        <v>-9.5412472677879445E-2</v>
      </c>
      <c r="M56" s="3">
        <v>41137</v>
      </c>
      <c r="N56">
        <v>-0.10470690295337071</v>
      </c>
      <c r="R56" s="3">
        <v>41411</v>
      </c>
      <c r="S56">
        <v>0.3619809716676774</v>
      </c>
      <c r="W56" s="3">
        <v>41263</v>
      </c>
      <c r="X56">
        <v>-0.39295975997019839</v>
      </c>
      <c r="AB56" s="3">
        <v>41205</v>
      </c>
      <c r="AC56">
        <v>0.54408998593960733</v>
      </c>
      <c r="AG56" s="3">
        <v>41386</v>
      </c>
      <c r="AH56">
        <v>0.57496260449454373</v>
      </c>
    </row>
    <row r="57" spans="3:34">
      <c r="C57" s="3">
        <v>41206</v>
      </c>
      <c r="D57">
        <v>0.28904195318987025</v>
      </c>
      <c r="H57" s="3">
        <v>41271</v>
      </c>
      <c r="I57">
        <v>-4.8728710677249265E-2</v>
      </c>
      <c r="M57" s="3">
        <v>41187</v>
      </c>
      <c r="N57">
        <v>-0.12170260056184923</v>
      </c>
      <c r="R57" s="3">
        <v>41444</v>
      </c>
      <c r="S57">
        <v>0.27094879333399469</v>
      </c>
      <c r="W57" s="3">
        <v>41281</v>
      </c>
      <c r="X57">
        <v>-0.3838272961821394</v>
      </c>
      <c r="AB57" s="3">
        <v>41248</v>
      </c>
      <c r="AC57">
        <v>-0.17444701040069666</v>
      </c>
      <c r="AG57" s="3">
        <v>41415</v>
      </c>
      <c r="AH57">
        <v>0.78356692297064234</v>
      </c>
    </row>
    <row r="58" spans="3:34">
      <c r="C58" s="3">
        <v>41261</v>
      </c>
      <c r="D58">
        <v>0.33771899954720341</v>
      </c>
      <c r="H58" s="3">
        <v>41299</v>
      </c>
      <c r="I58">
        <v>4.6082982569829678E-2</v>
      </c>
      <c r="M58" s="3">
        <v>41213</v>
      </c>
      <c r="N58">
        <v>-0.18114224081885666</v>
      </c>
      <c r="R58" s="3">
        <v>41491</v>
      </c>
      <c r="S58">
        <v>0.29065800728455171</v>
      </c>
      <c r="W58" s="3">
        <v>41302</v>
      </c>
      <c r="X58">
        <v>-0.380720543053646</v>
      </c>
      <c r="AB58" s="3">
        <v>41319</v>
      </c>
      <c r="AC58">
        <v>-0.16116280489222345</v>
      </c>
      <c r="AG58" s="3">
        <v>41450</v>
      </c>
      <c r="AH58">
        <v>0.63594743841638279</v>
      </c>
    </row>
    <row r="59" spans="3:34">
      <c r="C59" s="3">
        <v>41310</v>
      </c>
      <c r="D59">
        <v>0.32589611823833864</v>
      </c>
      <c r="H59" s="3">
        <v>41347</v>
      </c>
      <c r="I59">
        <v>-6.9085970608623759E-2</v>
      </c>
      <c r="M59" s="3">
        <v>41283</v>
      </c>
      <c r="N59">
        <v>-1.84050356258042E-2</v>
      </c>
      <c r="R59" s="3">
        <v>41544</v>
      </c>
      <c r="S59">
        <v>0.34702890758905913</v>
      </c>
      <c r="W59" s="3">
        <v>41365</v>
      </c>
      <c r="X59">
        <v>-0.39785927341193994</v>
      </c>
      <c r="AB59" s="3">
        <v>41386</v>
      </c>
      <c r="AC59">
        <v>-0.13388762953325761</v>
      </c>
      <c r="AG59" s="3">
        <v>41487</v>
      </c>
      <c r="AH59">
        <v>0.67638658857948419</v>
      </c>
    </row>
    <row r="60" spans="3:34">
      <c r="C60" s="3">
        <v>41365</v>
      </c>
      <c r="D60">
        <v>0.51982258853127705</v>
      </c>
      <c r="H60" s="3">
        <v>41410</v>
      </c>
      <c r="I60">
        <v>7.5538274244285102</v>
      </c>
      <c r="M60" s="3">
        <v>41334</v>
      </c>
      <c r="N60">
        <v>-8.0896018187744945E-3</v>
      </c>
      <c r="R60" s="3">
        <v>41578</v>
      </c>
      <c r="S60">
        <v>0.30141293168199157</v>
      </c>
      <c r="W60" s="3">
        <v>41396</v>
      </c>
      <c r="X60">
        <v>-0.39427205206205362</v>
      </c>
      <c r="AB60" s="3">
        <v>41423</v>
      </c>
      <c r="AC60">
        <v>-0.16082236593107446</v>
      </c>
      <c r="AG60" s="3">
        <v>41514</v>
      </c>
      <c r="AH60">
        <v>0.62931741870576219</v>
      </c>
    </row>
    <row r="61" spans="3:34">
      <c r="C61" s="3">
        <v>41393</v>
      </c>
      <c r="D61">
        <v>0.53072062998516123</v>
      </c>
      <c r="H61" s="3">
        <v>41519</v>
      </c>
      <c r="I61">
        <v>10.639836171195197</v>
      </c>
      <c r="M61" s="3">
        <v>41346</v>
      </c>
      <c r="N61">
        <v>-3.0729648412495147E-2</v>
      </c>
      <c r="R61" s="3">
        <v>41624</v>
      </c>
      <c r="S61">
        <v>0.27353350455798808</v>
      </c>
      <c r="W61" s="3">
        <v>41409</v>
      </c>
      <c r="X61">
        <v>-0.43127793955665483</v>
      </c>
      <c r="AB61" s="3">
        <v>41452</v>
      </c>
      <c r="AC61">
        <v>-0.12902970751935017</v>
      </c>
      <c r="AG61" s="3">
        <v>41549</v>
      </c>
      <c r="AH61">
        <v>0.66363604036355661</v>
      </c>
    </row>
    <row r="62" spans="3:34">
      <c r="C62" s="3">
        <v>41417</v>
      </c>
      <c r="D62">
        <v>0.64076867473149979</v>
      </c>
      <c r="H62" s="3">
        <v>41542</v>
      </c>
      <c r="I62">
        <v>10.43798930117447</v>
      </c>
      <c r="M62" s="3">
        <v>41424</v>
      </c>
      <c r="N62">
        <v>0.15328952713950916</v>
      </c>
      <c r="R62" s="3">
        <v>41667</v>
      </c>
      <c r="S62">
        <v>0.30623559936277389</v>
      </c>
      <c r="W62" s="3">
        <v>41460</v>
      </c>
      <c r="X62">
        <v>-0.45980914660230765</v>
      </c>
      <c r="AB62" s="3">
        <v>41499</v>
      </c>
      <c r="AC62">
        <v>-0.12929430675922304</v>
      </c>
      <c r="AG62" s="3">
        <v>41625</v>
      </c>
      <c r="AH62">
        <v>0.74285680419039246</v>
      </c>
    </row>
    <row r="63" spans="3:34">
      <c r="C63" s="3">
        <v>41460</v>
      </c>
      <c r="D63">
        <v>0.56760568542742029</v>
      </c>
      <c r="H63" s="3">
        <v>41582</v>
      </c>
      <c r="I63">
        <v>10.474308064831883</v>
      </c>
      <c r="M63" s="3">
        <v>41485</v>
      </c>
      <c r="N63">
        <v>0.24540230110827199</v>
      </c>
      <c r="R63" s="3">
        <v>41705</v>
      </c>
      <c r="S63">
        <v>0.25704568024751939</v>
      </c>
      <c r="W63" s="3">
        <v>41513</v>
      </c>
      <c r="X63">
        <v>-0.4163560296905543</v>
      </c>
      <c r="AB63" s="3">
        <v>41520</v>
      </c>
      <c r="AC63">
        <v>-0.15362595308588345</v>
      </c>
      <c r="AG63" s="3">
        <v>41648</v>
      </c>
      <c r="AH63">
        <v>0.64137808084104408</v>
      </c>
    </row>
    <row r="64" spans="3:34">
      <c r="C64" s="3">
        <v>41486</v>
      </c>
      <c r="D64">
        <v>0.60752818918875096</v>
      </c>
      <c r="H64" s="3">
        <v>41617</v>
      </c>
      <c r="I64">
        <v>11.07512359264871</v>
      </c>
      <c r="M64" s="3">
        <v>41513</v>
      </c>
      <c r="N64">
        <v>0.18151260458504948</v>
      </c>
      <c r="R64" s="3">
        <v>41746</v>
      </c>
      <c r="S64">
        <v>0.23769786011777438</v>
      </c>
      <c r="W64" s="3">
        <v>41562</v>
      </c>
      <c r="X64">
        <v>-0.30837096552094145</v>
      </c>
      <c r="AB64" s="3">
        <v>41556</v>
      </c>
      <c r="AC64">
        <v>-0.17922663461490806</v>
      </c>
      <c r="AG64" s="3">
        <v>41712</v>
      </c>
      <c r="AH64">
        <v>0.72013902521921325</v>
      </c>
    </row>
    <row r="65" spans="3:34">
      <c r="C65" s="3">
        <v>41498</v>
      </c>
      <c r="D65">
        <v>0.58482688405086658</v>
      </c>
      <c r="H65" s="3">
        <v>41666</v>
      </c>
      <c r="I65">
        <v>12.830594380634624</v>
      </c>
      <c r="M65" s="3">
        <v>41549</v>
      </c>
      <c r="N65">
        <v>0.1864708669578492</v>
      </c>
      <c r="R65" s="3">
        <v>41765</v>
      </c>
      <c r="S65">
        <v>0.19261432149200886</v>
      </c>
      <c r="W65" s="3">
        <v>41647</v>
      </c>
      <c r="X65">
        <v>-0.27206157861464275</v>
      </c>
      <c r="AB65" s="3">
        <v>41585</v>
      </c>
      <c r="AC65">
        <v>-0.22510839845606223</v>
      </c>
      <c r="AG65" s="3">
        <v>41739</v>
      </c>
      <c r="AH65">
        <v>0.62953087903482663</v>
      </c>
    </row>
    <row r="66" spans="3:34">
      <c r="C66" s="3">
        <v>41583</v>
      </c>
      <c r="D66">
        <v>0.66337441540875552</v>
      </c>
      <c r="H66" s="3">
        <v>41701</v>
      </c>
      <c r="I66">
        <v>12.60372684301398</v>
      </c>
      <c r="M66" s="3">
        <v>41589</v>
      </c>
      <c r="N66">
        <v>0.16149046243138243</v>
      </c>
      <c r="R66" s="3">
        <v>41852</v>
      </c>
      <c r="S66">
        <v>0.13357075244444583</v>
      </c>
      <c r="W66" s="3">
        <v>41670</v>
      </c>
      <c r="X66">
        <v>-0.28618773354753013</v>
      </c>
      <c r="AB66" s="3">
        <v>41625</v>
      </c>
      <c r="AC66">
        <v>-0.24105362483515291</v>
      </c>
      <c r="AG66" s="3">
        <v>41782</v>
      </c>
      <c r="AH66">
        <v>0.66324531101485751</v>
      </c>
    </row>
    <row r="67" spans="3:34">
      <c r="C67" s="3">
        <v>41617</v>
      </c>
      <c r="D67">
        <v>0.69655193079385258</v>
      </c>
      <c r="H67" s="3">
        <v>41745</v>
      </c>
      <c r="I67">
        <v>12.034200338273362</v>
      </c>
      <c r="M67" s="3">
        <v>41619</v>
      </c>
      <c r="N67">
        <v>0.1255268815992181</v>
      </c>
      <c r="R67" s="3">
        <v>41898</v>
      </c>
      <c r="S67">
        <v>0.19133664637099446</v>
      </c>
      <c r="W67" s="3">
        <v>41709</v>
      </c>
      <c r="X67">
        <v>-0.31152763799199779</v>
      </c>
      <c r="AB67" s="3">
        <v>41656</v>
      </c>
      <c r="AC67">
        <v>-0.23530884513987826</v>
      </c>
      <c r="AG67" s="3">
        <v>41803</v>
      </c>
      <c r="AH67">
        <v>0.65651697237806617</v>
      </c>
    </row>
    <row r="68" spans="3:34">
      <c r="C68" s="3">
        <v>41652</v>
      </c>
      <c r="D68">
        <v>0.63833022404417616</v>
      </c>
      <c r="H68" s="3">
        <v>41814</v>
      </c>
      <c r="I68">
        <v>11.811393494884074</v>
      </c>
      <c r="M68" s="3">
        <v>41666</v>
      </c>
      <c r="N68">
        <v>0.11091196405509507</v>
      </c>
      <c r="R68" s="3">
        <v>41957</v>
      </c>
      <c r="S68">
        <v>0.10367363575440969</v>
      </c>
      <c r="W68" s="3">
        <v>41744</v>
      </c>
      <c r="X68">
        <v>-0.34661448304150444</v>
      </c>
      <c r="AB68" s="3">
        <v>41673</v>
      </c>
      <c r="AC68">
        <v>-0.25534904822424431</v>
      </c>
      <c r="AG68" s="3">
        <v>41813</v>
      </c>
      <c r="AH68">
        <v>0.64222545340068682</v>
      </c>
    </row>
    <row r="69" spans="3:34">
      <c r="C69" s="3">
        <v>41703</v>
      </c>
      <c r="D69">
        <v>0.54296311381150897</v>
      </c>
      <c r="H69" s="3">
        <v>41864</v>
      </c>
      <c r="I69">
        <v>11.489138669069492</v>
      </c>
      <c r="M69" s="3">
        <v>41703</v>
      </c>
      <c r="N69">
        <v>0.14274230237752139</v>
      </c>
      <c r="R69" s="3">
        <v>41985</v>
      </c>
      <c r="S69">
        <v>1.8436071885376659E-2</v>
      </c>
      <c r="W69" s="3">
        <v>41779</v>
      </c>
      <c r="X69">
        <v>-0.3055210543019764</v>
      </c>
      <c r="AB69" s="3">
        <v>41697</v>
      </c>
      <c r="AC69">
        <v>-0.32046516093021216</v>
      </c>
      <c r="AG69" s="3">
        <v>41851</v>
      </c>
      <c r="AH69">
        <v>0.50903492749778834</v>
      </c>
    </row>
    <row r="70" spans="3:34">
      <c r="C70" s="3">
        <v>41750</v>
      </c>
      <c r="D70">
        <v>0.50951446348598739</v>
      </c>
      <c r="H70" s="3">
        <v>41904</v>
      </c>
      <c r="I70">
        <v>13.579180974761888</v>
      </c>
      <c r="M70" s="3">
        <v>41745</v>
      </c>
      <c r="N70">
        <v>8.8262533770224305E-2</v>
      </c>
      <c r="R70" s="3">
        <v>42067</v>
      </c>
      <c r="S70">
        <v>8.4782568022219396E-2</v>
      </c>
      <c r="W70" s="3">
        <v>41827</v>
      </c>
      <c r="X70">
        <v>-0.31653805285300263</v>
      </c>
      <c r="AB70" s="3">
        <v>41743</v>
      </c>
      <c r="AC70">
        <v>-0.31544347308734866</v>
      </c>
      <c r="AG70" s="3">
        <v>41893</v>
      </c>
      <c r="AH70">
        <v>0.53937391642475463</v>
      </c>
    </row>
    <row r="71" spans="3:34">
      <c r="C71" s="3">
        <v>41789</v>
      </c>
      <c r="D71">
        <v>0.55401384434789902</v>
      </c>
      <c r="H71" s="3">
        <v>41956</v>
      </c>
      <c r="I71">
        <v>13.707972326129044</v>
      </c>
      <c r="M71" s="3">
        <v>41802</v>
      </c>
      <c r="N71">
        <v>0.13310403763399603</v>
      </c>
      <c r="R71" s="3">
        <v>42104</v>
      </c>
      <c r="S71">
        <v>7.8615526703161853E-2</v>
      </c>
      <c r="W71" s="3">
        <v>41859</v>
      </c>
      <c r="X71">
        <v>-0.38085896353526194</v>
      </c>
      <c r="AB71" s="3">
        <v>41772</v>
      </c>
      <c r="AC71">
        <v>-0.34539781440366479</v>
      </c>
      <c r="AG71" s="3">
        <v>41962</v>
      </c>
      <c r="AH71">
        <v>0.63372264033465853</v>
      </c>
    </row>
    <row r="72" spans="3:34">
      <c r="C72" s="3">
        <v>41851</v>
      </c>
      <c r="D72">
        <v>0.25003638138301598</v>
      </c>
      <c r="H72" s="3">
        <v>41985</v>
      </c>
      <c r="I72">
        <v>12.903714365829751</v>
      </c>
      <c r="M72" s="3">
        <v>41894</v>
      </c>
      <c r="N72">
        <v>0.16951794013871213</v>
      </c>
      <c r="R72" s="3">
        <v>42153</v>
      </c>
      <c r="S72">
        <v>-1.3827706348835012E-2</v>
      </c>
      <c r="W72" s="3">
        <v>41905</v>
      </c>
      <c r="X72">
        <v>-0.36633487755921246</v>
      </c>
      <c r="AB72" s="3">
        <v>41809</v>
      </c>
      <c r="AC72">
        <v>-0.35579469193324698</v>
      </c>
      <c r="AG72" s="3">
        <v>41995</v>
      </c>
      <c r="AH72">
        <v>0.76257033087672466</v>
      </c>
    </row>
    <row r="73" spans="3:34">
      <c r="C73" s="3">
        <v>41893</v>
      </c>
      <c r="D73">
        <v>0.15332955801409232</v>
      </c>
      <c r="H73" s="3">
        <v>42045</v>
      </c>
      <c r="I73">
        <v>13.165686925112389</v>
      </c>
      <c r="M73" s="3">
        <v>41960</v>
      </c>
      <c r="N73">
        <v>0.22942643150439235</v>
      </c>
      <c r="R73" s="3">
        <v>42184</v>
      </c>
      <c r="S73">
        <v>-7.1693025960918644E-2</v>
      </c>
      <c r="W73" s="3">
        <v>41914</v>
      </c>
      <c r="X73">
        <v>-0.40088364946906929</v>
      </c>
      <c r="AB73" s="3">
        <v>41841</v>
      </c>
      <c r="AC73">
        <v>-0.35884057991465013</v>
      </c>
      <c r="AG73" s="3">
        <v>42052</v>
      </c>
      <c r="AH73">
        <v>0.8825961090054566</v>
      </c>
    </row>
    <row r="74" spans="3:34">
      <c r="C74" s="3">
        <v>41918</v>
      </c>
      <c r="D74">
        <v>6.5563628962201026E-2</v>
      </c>
      <c r="H74" s="3">
        <v>42069</v>
      </c>
      <c r="I74">
        <v>13.510290951092532</v>
      </c>
      <c r="M74" s="3">
        <v>41988</v>
      </c>
      <c r="N74">
        <v>0.18307791605652879</v>
      </c>
      <c r="R74" s="3">
        <v>42220</v>
      </c>
      <c r="S74">
        <v>-4.7933230468387378E-2</v>
      </c>
      <c r="W74" s="3">
        <v>41976</v>
      </c>
      <c r="X74">
        <v>-0.32707054673425229</v>
      </c>
      <c r="AB74" s="3">
        <v>41877</v>
      </c>
      <c r="AC74">
        <v>-0.34711884202913279</v>
      </c>
      <c r="AG74" s="3">
        <v>42090</v>
      </c>
      <c r="AH74">
        <v>0.82924318283931009</v>
      </c>
    </row>
    <row r="75" spans="3:34">
      <c r="C75" s="3">
        <v>41977</v>
      </c>
      <c r="D75">
        <v>8.7422838477038134E-2</v>
      </c>
      <c r="H75" s="3">
        <v>42107</v>
      </c>
      <c r="I75">
        <v>14.172572051019362</v>
      </c>
      <c r="M75" s="3">
        <v>42045</v>
      </c>
      <c r="N75">
        <v>0.40019708417177191</v>
      </c>
      <c r="R75" s="3">
        <v>42275</v>
      </c>
      <c r="S75">
        <v>-0.12779240981555551</v>
      </c>
      <c r="W75" s="3">
        <v>42011</v>
      </c>
      <c r="X75">
        <v>-0.34412832755214195</v>
      </c>
      <c r="AB75" s="3">
        <v>41899</v>
      </c>
      <c r="AC75">
        <v>-0.3623148615286701</v>
      </c>
      <c r="AG75" s="3">
        <v>42103</v>
      </c>
      <c r="AH75">
        <v>0.84717693953381312</v>
      </c>
    </row>
    <row r="76" spans="3:34">
      <c r="C76" s="3">
        <v>42072</v>
      </c>
      <c r="D76">
        <v>0.21855038361283907</v>
      </c>
      <c r="H76" s="3">
        <v>42157</v>
      </c>
      <c r="I76">
        <v>13.564508650361029</v>
      </c>
      <c r="M76" s="3">
        <v>42087</v>
      </c>
      <c r="N76">
        <v>0.38888870615041826</v>
      </c>
      <c r="R76" s="3">
        <v>42306</v>
      </c>
      <c r="S76">
        <v>-0.16911373490583448</v>
      </c>
      <c r="W76" s="3">
        <v>42013</v>
      </c>
      <c r="X76">
        <v>-0.35479958129660016</v>
      </c>
      <c r="AB76" s="3">
        <v>41928</v>
      </c>
      <c r="AC76">
        <v>-0.38811927947332348</v>
      </c>
      <c r="AG76" s="3">
        <v>42117</v>
      </c>
      <c r="AH76">
        <v>0.79944253154272782</v>
      </c>
    </row>
    <row r="77" spans="3:34">
      <c r="C77" s="3">
        <v>42114</v>
      </c>
      <c r="D77">
        <v>0.22159304770909638</v>
      </c>
      <c r="H77" s="3">
        <v>42194</v>
      </c>
      <c r="I77">
        <v>12.104335303931892</v>
      </c>
      <c r="M77" s="3">
        <v>42138</v>
      </c>
      <c r="N77">
        <v>0.39501212775776429</v>
      </c>
      <c r="R77" s="3">
        <v>42354</v>
      </c>
      <c r="S77">
        <v>-0.2360633067935477</v>
      </c>
      <c r="W77" s="3">
        <v>42048</v>
      </c>
      <c r="X77">
        <v>-0.2852499231781207</v>
      </c>
      <c r="AB77" s="3">
        <v>41957</v>
      </c>
      <c r="AC77">
        <v>-0.37092477123596512</v>
      </c>
      <c r="AG77" s="3">
        <v>42159</v>
      </c>
      <c r="AH77">
        <v>0.82716891877759258</v>
      </c>
    </row>
    <row r="78" spans="3:34">
      <c r="C78" s="3">
        <v>42151</v>
      </c>
      <c r="D78">
        <v>0.19492068143401453</v>
      </c>
      <c r="H78" s="3">
        <v>42221</v>
      </c>
      <c r="I78">
        <v>11.954235845769325</v>
      </c>
      <c r="M78" s="3">
        <v>42159</v>
      </c>
      <c r="N78">
        <v>0.28973699561062283</v>
      </c>
      <c r="R78" s="3">
        <v>42381</v>
      </c>
      <c r="S78">
        <v>-0.31899976649027673</v>
      </c>
      <c r="W78" s="3">
        <v>42109</v>
      </c>
      <c r="X78">
        <v>-0.29137854120017326</v>
      </c>
      <c r="AB78" s="3">
        <v>41988</v>
      </c>
      <c r="AC78">
        <v>-0.37793349000775778</v>
      </c>
      <c r="AG78" s="3">
        <v>42187</v>
      </c>
      <c r="AH78">
        <v>0.71855616890292784</v>
      </c>
    </row>
    <row r="79" spans="3:34">
      <c r="C79" s="3">
        <v>42192</v>
      </c>
      <c r="D79">
        <v>0.14695275962671506</v>
      </c>
      <c r="H79" s="3">
        <v>42275</v>
      </c>
      <c r="I79">
        <v>11.737955968389381</v>
      </c>
      <c r="M79" s="3">
        <v>42194</v>
      </c>
      <c r="N79">
        <v>0.20424024987899858</v>
      </c>
      <c r="R79" s="3">
        <v>42447</v>
      </c>
      <c r="S79">
        <v>-0.15561284440634449</v>
      </c>
      <c r="W79" s="3">
        <v>42143</v>
      </c>
      <c r="X79">
        <v>-0.31241933723039728</v>
      </c>
      <c r="AB79" s="3">
        <v>42009</v>
      </c>
      <c r="AC79">
        <v>-0.39356836579178145</v>
      </c>
      <c r="AG79" s="3">
        <v>42213</v>
      </c>
      <c r="AH79">
        <v>0.67852077929086652</v>
      </c>
    </row>
    <row r="80" spans="3:34">
      <c r="C80" s="3">
        <v>42229</v>
      </c>
      <c r="D80">
        <v>0.159836503083435</v>
      </c>
      <c r="H80" s="3">
        <v>42321</v>
      </c>
      <c r="I80">
        <v>12.090239271136323</v>
      </c>
      <c r="M80" s="3">
        <v>42220</v>
      </c>
      <c r="N80">
        <v>0.16644406477053608</v>
      </c>
      <c r="R80" s="3">
        <v>42495</v>
      </c>
      <c r="S80">
        <v>-0.17464811407857794</v>
      </c>
      <c r="W80" s="3">
        <v>42193</v>
      </c>
      <c r="X80">
        <v>-0.33391894887340257</v>
      </c>
      <c r="AB80" s="3">
        <v>42040</v>
      </c>
      <c r="AC80">
        <v>-0.37602213840294774</v>
      </c>
      <c r="AG80" s="3">
        <v>42271</v>
      </c>
      <c r="AH80">
        <v>0.63307063680773368</v>
      </c>
    </row>
    <row r="81" spans="3:34">
      <c r="C81" s="3">
        <v>42303</v>
      </c>
      <c r="D81">
        <v>0.43879662191300994</v>
      </c>
      <c r="H81" s="3">
        <v>42326</v>
      </c>
      <c r="I81">
        <v>12.17924526909451</v>
      </c>
      <c r="M81" s="3">
        <v>42272</v>
      </c>
      <c r="N81">
        <v>7.2749845182194628E-2</v>
      </c>
      <c r="R81" s="3">
        <v>42531</v>
      </c>
      <c r="S81">
        <v>-0.30588131177806788</v>
      </c>
      <c r="W81" s="3">
        <v>42220</v>
      </c>
      <c r="X81">
        <v>-0.33463903649624216</v>
      </c>
      <c r="AB81" s="3">
        <v>42081</v>
      </c>
      <c r="AC81">
        <v>-0.33899980151561881</v>
      </c>
      <c r="AG81" s="3">
        <v>42307</v>
      </c>
      <c r="AH81">
        <v>0.7059878598496967</v>
      </c>
    </row>
    <row r="82" spans="3:34">
      <c r="C82" s="3">
        <v>42331</v>
      </c>
      <c r="D82">
        <v>0.45323672584273522</v>
      </c>
      <c r="H82" s="3">
        <v>42383</v>
      </c>
      <c r="I82">
        <v>10.677984551154694</v>
      </c>
      <c r="M82" s="3">
        <v>42312</v>
      </c>
      <c r="N82">
        <v>0.13362854488836984</v>
      </c>
      <c r="R82" s="3">
        <v>42557</v>
      </c>
      <c r="S82">
        <v>-0.37125122418430301</v>
      </c>
      <c r="W82" s="3">
        <v>42276</v>
      </c>
      <c r="X82">
        <v>-0.34369670185634249</v>
      </c>
      <c r="AB82" s="3">
        <v>42117</v>
      </c>
      <c r="AC82">
        <v>-0.34984086109248758</v>
      </c>
      <c r="AG82" s="3">
        <v>42355</v>
      </c>
      <c r="AH82">
        <v>0.97764197766015792</v>
      </c>
    </row>
    <row r="83" spans="3:34">
      <c r="C83" s="3">
        <v>42354</v>
      </c>
      <c r="D83">
        <v>0.46806264693176214</v>
      </c>
      <c r="H83" s="3">
        <v>42450</v>
      </c>
      <c r="I83">
        <v>12.746713718296933</v>
      </c>
      <c r="M83" s="3">
        <v>42349</v>
      </c>
      <c r="N83">
        <v>-1.5024394545140041E-3</v>
      </c>
      <c r="R83" s="3">
        <v>42585</v>
      </c>
      <c r="S83">
        <v>-0.44663136154820848</v>
      </c>
      <c r="W83" s="3">
        <v>42349</v>
      </c>
      <c r="X83">
        <v>-0.37980056630756942</v>
      </c>
      <c r="AB83" s="3">
        <v>42122</v>
      </c>
      <c r="AC83">
        <v>-0.35797162962350182</v>
      </c>
      <c r="AG83" s="3">
        <v>42411</v>
      </c>
      <c r="AH83">
        <v>0.78255831871928416</v>
      </c>
    </row>
    <row r="84" spans="3:34">
      <c r="C84" s="3">
        <v>42411</v>
      </c>
      <c r="D84">
        <v>0.50397761601060864</v>
      </c>
      <c r="H84" s="3">
        <v>42493</v>
      </c>
      <c r="I84">
        <v>12.33895122419109</v>
      </c>
      <c r="M84" s="3">
        <v>42377</v>
      </c>
      <c r="N84">
        <v>-7.5399936806128665E-2</v>
      </c>
      <c r="R84" s="3">
        <v>42628</v>
      </c>
      <c r="S84">
        <v>-0.47000197691589329</v>
      </c>
      <c r="W84" s="3">
        <v>42380</v>
      </c>
      <c r="X84">
        <v>-0.41495775050694417</v>
      </c>
      <c r="AB84" s="3">
        <v>42160</v>
      </c>
      <c r="AC84">
        <v>-0.36857153102519669</v>
      </c>
      <c r="AG84" s="3">
        <v>42466</v>
      </c>
      <c r="AH84">
        <v>1.0246519303157595</v>
      </c>
    </row>
    <row r="85" spans="3:34">
      <c r="C85" s="3">
        <v>42437</v>
      </c>
      <c r="D85">
        <v>0.44487418107054255</v>
      </c>
      <c r="H85" s="3">
        <v>42534</v>
      </c>
      <c r="I85">
        <v>11.417384203355956</v>
      </c>
      <c r="M85" s="3">
        <v>42447</v>
      </c>
      <c r="N85">
        <v>-2.6485424150074821E-2</v>
      </c>
      <c r="R85" s="3">
        <v>42675</v>
      </c>
      <c r="S85">
        <v>-0.47155622331789948</v>
      </c>
      <c r="W85" s="3">
        <v>42412</v>
      </c>
      <c r="X85">
        <v>-0.44710296102836944</v>
      </c>
      <c r="AB85" s="3">
        <v>42191</v>
      </c>
      <c r="AC85">
        <v>-0.40888166929139502</v>
      </c>
      <c r="AG85" s="3">
        <v>42536</v>
      </c>
      <c r="AH85">
        <v>0.98094426329640827</v>
      </c>
    </row>
    <row r="86" spans="3:34">
      <c r="C86" s="3">
        <v>42468</v>
      </c>
      <c r="D86">
        <v>0.47567529841774236</v>
      </c>
      <c r="H86" s="3">
        <v>42558</v>
      </c>
      <c r="I86">
        <v>10.545466490840809</v>
      </c>
      <c r="M86" s="3">
        <v>42464</v>
      </c>
      <c r="N86">
        <v>-5.4952452715079314E-2</v>
      </c>
      <c r="W86" s="3">
        <v>42461</v>
      </c>
      <c r="X86">
        <v>-0.42956101930406609</v>
      </c>
      <c r="AB86" s="3">
        <v>42219</v>
      </c>
      <c r="AC86">
        <v>-0.43255345544856372</v>
      </c>
      <c r="AG86" s="3">
        <v>42590</v>
      </c>
      <c r="AH86">
        <v>1.1130072141828355</v>
      </c>
    </row>
    <row r="87" spans="3:34">
      <c r="C87" s="3">
        <v>42503</v>
      </c>
      <c r="D87">
        <v>0.49143331444213634</v>
      </c>
      <c r="H87" s="3">
        <v>42586</v>
      </c>
      <c r="I87">
        <v>9.1231146270816357</v>
      </c>
      <c r="M87" s="3">
        <v>42495</v>
      </c>
      <c r="N87">
        <v>-0.11740776888347404</v>
      </c>
      <c r="W87" s="3">
        <v>42495</v>
      </c>
      <c r="X87">
        <v>-0.45549006388115398</v>
      </c>
      <c r="AB87" s="3">
        <v>42277</v>
      </c>
      <c r="AC87">
        <v>-0.43094890925562312</v>
      </c>
      <c r="AG87" s="3">
        <v>42608</v>
      </c>
      <c r="AH87">
        <v>1.033134084673454</v>
      </c>
    </row>
    <row r="88" spans="3:34">
      <c r="C88" s="3">
        <v>42544</v>
      </c>
      <c r="D88">
        <v>0.58861267532979755</v>
      </c>
      <c r="H88" s="3">
        <v>42626</v>
      </c>
      <c r="I88">
        <v>10.113745032866047</v>
      </c>
      <c r="M88" s="3">
        <v>42535</v>
      </c>
      <c r="N88">
        <v>-0.19170350485834708</v>
      </c>
      <c r="W88" s="3">
        <v>42523</v>
      </c>
      <c r="X88">
        <v>-0.46250612779137246</v>
      </c>
      <c r="AB88" s="3">
        <v>42314</v>
      </c>
      <c r="AC88">
        <v>-0.38076729623784067</v>
      </c>
      <c r="AG88" s="3">
        <v>42657</v>
      </c>
      <c r="AH88">
        <v>1.0261514848492452</v>
      </c>
    </row>
    <row r="89" spans="3:34">
      <c r="C89" s="3">
        <v>42562</v>
      </c>
      <c r="D89">
        <v>0.59870117276095591</v>
      </c>
      <c r="M89" s="3">
        <v>42558</v>
      </c>
      <c r="N89">
        <v>-0.22091185903381982</v>
      </c>
      <c r="W89" s="3">
        <v>42583</v>
      </c>
      <c r="X89">
        <v>-0.46345573195346823</v>
      </c>
      <c r="AB89" s="3">
        <v>42381</v>
      </c>
      <c r="AC89">
        <v>-0.37148250415561002</v>
      </c>
    </row>
    <row r="90" spans="3:34">
      <c r="C90" s="3">
        <v>42599</v>
      </c>
      <c r="D90">
        <v>0.94921622098414282</v>
      </c>
      <c r="M90" s="3">
        <v>42587</v>
      </c>
      <c r="N90">
        <v>-0.16961667406276659</v>
      </c>
      <c r="W90" s="3">
        <v>42607</v>
      </c>
      <c r="X90">
        <v>-0.47976129286535862</v>
      </c>
      <c r="AB90" s="3">
        <v>42416</v>
      </c>
      <c r="AC90">
        <v>-0.38769855959970634</v>
      </c>
    </row>
    <row r="91" spans="3:34">
      <c r="C91" s="3">
        <v>42654</v>
      </c>
      <c r="D91">
        <v>0.94694839457709601</v>
      </c>
      <c r="M91" s="3">
        <v>42633</v>
      </c>
      <c r="N91">
        <v>-0.18691632668645886</v>
      </c>
      <c r="W91" s="3">
        <v>42654</v>
      </c>
      <c r="X91">
        <v>-0.5137558591282908</v>
      </c>
      <c r="AB91" s="3">
        <v>42478</v>
      </c>
      <c r="AC91">
        <v>-0.33750750161540055</v>
      </c>
    </row>
    <row r="92" spans="3:34">
      <c r="M92" s="3">
        <v>42668</v>
      </c>
      <c r="N92">
        <v>-0.18440215329958975</v>
      </c>
      <c r="W92" s="3">
        <v>42688</v>
      </c>
      <c r="X92">
        <v>-0.54213008466256829</v>
      </c>
      <c r="AB92" s="3">
        <v>42536</v>
      </c>
      <c r="AC92">
        <v>-0.37080168022197879</v>
      </c>
    </row>
    <row r="93" spans="3:34">
      <c r="AB93" s="3">
        <v>42576</v>
      </c>
      <c r="AC93">
        <v>-0.35780468419263434</v>
      </c>
    </row>
    <row r="94" spans="3:34">
      <c r="AB94" s="3">
        <v>42600</v>
      </c>
      <c r="AC94">
        <v>-0.34697253079228163</v>
      </c>
    </row>
    <row r="95" spans="3:34">
      <c r="AB95" s="3">
        <v>42649</v>
      </c>
      <c r="AC95">
        <v>-0.37235736554240517</v>
      </c>
    </row>
    <row r="96" spans="3:34">
      <c r="AB96" s="3">
        <v>42691</v>
      </c>
      <c r="AC96">
        <v>-0.39221853822899244</v>
      </c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91"/>
  <sheetViews>
    <sheetView tabSelected="1" workbookViewId="0">
      <selection activeCell="AH5" sqref="AH5"/>
    </sheetView>
  </sheetViews>
  <sheetFormatPr defaultColWidth="11" defaultRowHeight="15.75"/>
  <sheetData>
    <row r="1" spans="1:34">
      <c r="A1" s="5"/>
      <c r="B1" s="5"/>
      <c r="C1" s="5"/>
    </row>
    <row r="2" spans="1:34">
      <c r="A2" s="5"/>
      <c r="B2" s="5"/>
      <c r="C2" s="5"/>
    </row>
    <row r="3" spans="1:34">
      <c r="A3" t="s">
        <v>47</v>
      </c>
      <c r="F3" t="s">
        <v>46</v>
      </c>
      <c r="K3" t="s">
        <v>45</v>
      </c>
      <c r="P3" t="s">
        <v>44</v>
      </c>
      <c r="U3" t="s">
        <v>43</v>
      </c>
      <c r="Z3" t="s">
        <v>42</v>
      </c>
      <c r="AE3" t="s">
        <v>41</v>
      </c>
    </row>
    <row r="4" spans="1:34">
      <c r="A4" t="s">
        <v>3</v>
      </c>
      <c r="B4" s="1" t="s">
        <v>4</v>
      </c>
      <c r="C4" t="s">
        <v>3</v>
      </c>
      <c r="D4" s="1" t="s">
        <v>1</v>
      </c>
      <c r="F4" t="s">
        <v>3</v>
      </c>
      <c r="G4" s="1" t="s">
        <v>4</v>
      </c>
      <c r="H4" t="s">
        <v>3</v>
      </c>
      <c r="I4" s="1" t="s">
        <v>1</v>
      </c>
      <c r="K4" t="s">
        <v>3</v>
      </c>
      <c r="L4" s="1" t="s">
        <v>4</v>
      </c>
      <c r="M4" t="s">
        <v>3</v>
      </c>
      <c r="N4" s="1" t="s">
        <v>1</v>
      </c>
      <c r="P4" t="s">
        <v>3</v>
      </c>
      <c r="Q4" s="1" t="s">
        <v>4</v>
      </c>
      <c r="R4" t="s">
        <v>3</v>
      </c>
      <c r="S4" s="1" t="s">
        <v>1</v>
      </c>
      <c r="U4" t="s">
        <v>3</v>
      </c>
      <c r="V4" s="1" t="s">
        <v>4</v>
      </c>
      <c r="W4" t="s">
        <v>3</v>
      </c>
      <c r="X4" s="1" t="s">
        <v>1</v>
      </c>
      <c r="Z4" t="s">
        <v>3</v>
      </c>
      <c r="AA4" s="1" t="s">
        <v>4</v>
      </c>
      <c r="AB4" t="s">
        <v>3</v>
      </c>
      <c r="AC4" s="1" t="s">
        <v>1</v>
      </c>
      <c r="AE4" t="s">
        <v>3</v>
      </c>
      <c r="AF4" s="1" t="s">
        <v>4</v>
      </c>
      <c r="AG4" t="s">
        <v>3</v>
      </c>
      <c r="AH4" s="1" t="s">
        <v>1</v>
      </c>
    </row>
    <row r="5" spans="1:34">
      <c r="A5" s="3">
        <v>39043</v>
      </c>
      <c r="B5">
        <v>0</v>
      </c>
      <c r="C5" s="3">
        <v>39043</v>
      </c>
      <c r="D5">
        <v>0</v>
      </c>
      <c r="F5" s="3">
        <v>39043</v>
      </c>
      <c r="G5">
        <v>0</v>
      </c>
      <c r="H5" s="3">
        <v>39043</v>
      </c>
      <c r="I5">
        <v>0</v>
      </c>
      <c r="K5" s="3">
        <v>39043</v>
      </c>
      <c r="L5">
        <v>0</v>
      </c>
      <c r="M5" s="3">
        <v>39043</v>
      </c>
      <c r="N5">
        <v>0</v>
      </c>
      <c r="P5" s="3">
        <v>39043</v>
      </c>
      <c r="Q5">
        <v>0</v>
      </c>
      <c r="R5" s="3">
        <v>39043</v>
      </c>
      <c r="S5">
        <v>0</v>
      </c>
      <c r="U5" s="3">
        <v>39043</v>
      </c>
      <c r="V5">
        <v>0</v>
      </c>
      <c r="W5" s="3">
        <v>39043</v>
      </c>
      <c r="X5">
        <v>0</v>
      </c>
      <c r="Z5" s="3">
        <v>39043</v>
      </c>
      <c r="AA5">
        <v>0</v>
      </c>
      <c r="AB5" s="3">
        <v>39043</v>
      </c>
      <c r="AC5">
        <v>0</v>
      </c>
      <c r="AE5" s="3">
        <v>39043</v>
      </c>
      <c r="AF5">
        <v>0</v>
      </c>
      <c r="AG5" s="3">
        <v>39043</v>
      </c>
      <c r="AH5">
        <v>0</v>
      </c>
    </row>
    <row r="6" spans="1:34">
      <c r="A6" s="3">
        <v>39181</v>
      </c>
      <c r="B6">
        <v>2.7652780830041301E-2</v>
      </c>
      <c r="C6" s="3">
        <v>39153</v>
      </c>
      <c r="D6">
        <v>5.9412967811068862E-2</v>
      </c>
      <c r="F6" s="3">
        <v>39185</v>
      </c>
      <c r="G6">
        <v>2.774201660894704E-3</v>
      </c>
      <c r="H6" s="3">
        <v>39154</v>
      </c>
      <c r="I6">
        <v>-5.8624786913900828E-2</v>
      </c>
      <c r="K6" s="3">
        <v>39211</v>
      </c>
      <c r="L6">
        <v>-1.2295081967213073E-2</v>
      </c>
      <c r="M6" s="3">
        <v>39140</v>
      </c>
      <c r="N6">
        <v>-8.4727696689213206E-2</v>
      </c>
      <c r="P6" s="3">
        <v>39206</v>
      </c>
      <c r="Q6">
        <v>6.9858381527033719E-2</v>
      </c>
      <c r="R6" s="3">
        <v>39139</v>
      </c>
      <c r="S6">
        <v>2.40389434634114E-3</v>
      </c>
      <c r="U6" s="3">
        <v>39575</v>
      </c>
      <c r="V6">
        <v>-7.7872995490511521E-2</v>
      </c>
      <c r="W6" s="3">
        <v>39142</v>
      </c>
      <c r="X6">
        <v>4.8582970272144976E-2</v>
      </c>
      <c r="Z6" s="3">
        <v>39150</v>
      </c>
      <c r="AA6">
        <v>2.0871576373752365E-2</v>
      </c>
      <c r="AB6" s="3">
        <v>39575</v>
      </c>
      <c r="AC6">
        <v>0.21720305370420201</v>
      </c>
      <c r="AE6" s="3">
        <v>39219</v>
      </c>
      <c r="AF6">
        <v>0.26463760329902963</v>
      </c>
      <c r="AG6" s="3">
        <v>39184</v>
      </c>
      <c r="AH6">
        <v>-5.5475045370879994E-2</v>
      </c>
    </row>
    <row r="7" spans="1:34">
      <c r="A7" s="3">
        <v>39394</v>
      </c>
      <c r="B7">
        <v>-5.0685785123137261E-2</v>
      </c>
      <c r="C7" s="3">
        <v>39181</v>
      </c>
      <c r="D7">
        <v>0.1074229756389844</v>
      </c>
      <c r="F7" s="3">
        <v>39436</v>
      </c>
      <c r="G7">
        <v>1.0879513177900924E-2</v>
      </c>
      <c r="H7" s="3">
        <v>39185</v>
      </c>
      <c r="I7">
        <v>-1.8505348590013404E-2</v>
      </c>
      <c r="K7" s="3">
        <v>39293</v>
      </c>
      <c r="L7">
        <v>4.4367840701137418E-2</v>
      </c>
      <c r="M7" s="3">
        <v>39181</v>
      </c>
      <c r="N7">
        <v>-8.820775004535486E-2</v>
      </c>
      <c r="P7" s="3">
        <v>39269</v>
      </c>
      <c r="Q7">
        <v>9.5606010626024585E-2</v>
      </c>
      <c r="R7" s="3">
        <v>39206</v>
      </c>
      <c r="S7">
        <v>0.15601081022563834</v>
      </c>
      <c r="U7" s="3">
        <v>39867</v>
      </c>
      <c r="V7">
        <v>-0.10513513876154224</v>
      </c>
      <c r="W7" s="3">
        <v>39217</v>
      </c>
      <c r="X7">
        <v>0.6085883823518794</v>
      </c>
      <c r="Z7" s="3">
        <v>39456</v>
      </c>
      <c r="AA7">
        <v>0.10139963479324665</v>
      </c>
      <c r="AB7" s="3">
        <v>39769</v>
      </c>
      <c r="AC7">
        <v>0.12003753539034956</v>
      </c>
      <c r="AE7" s="3">
        <v>39399</v>
      </c>
      <c r="AF7">
        <v>5.577139396838815E-2</v>
      </c>
      <c r="AG7" s="3">
        <v>39219</v>
      </c>
      <c r="AH7">
        <v>0.24525445458862172</v>
      </c>
    </row>
    <row r="8" spans="1:34">
      <c r="A8" s="3">
        <v>39552</v>
      </c>
      <c r="B8">
        <v>-3.2885266168945382E-2</v>
      </c>
      <c r="C8" s="3">
        <v>39226</v>
      </c>
      <c r="D8">
        <v>0.22826297217382052</v>
      </c>
      <c r="F8" s="3">
        <v>39580</v>
      </c>
      <c r="G8">
        <v>9.9507005456702657E-2</v>
      </c>
      <c r="H8" s="3">
        <v>39195</v>
      </c>
      <c r="I8">
        <v>-1.2175260087447515E-2</v>
      </c>
      <c r="K8" s="3">
        <v>39345</v>
      </c>
      <c r="L8">
        <v>6.7229920831719525E-2</v>
      </c>
      <c r="M8" s="3">
        <v>39211</v>
      </c>
      <c r="N8">
        <v>-9.9418310495616891E-2</v>
      </c>
      <c r="P8" s="3">
        <v>39542</v>
      </c>
      <c r="Q8">
        <v>9.6107202739705633E-2</v>
      </c>
      <c r="R8" s="3">
        <v>39269</v>
      </c>
      <c r="S8">
        <v>0.17699450480069134</v>
      </c>
      <c r="U8" s="3">
        <v>39911</v>
      </c>
      <c r="V8">
        <v>-3.3169126979213259E-2</v>
      </c>
      <c r="W8" s="3">
        <v>39245</v>
      </c>
      <c r="X8">
        <v>0.53039762241141797</v>
      </c>
      <c r="Z8" s="3">
        <v>39546</v>
      </c>
      <c r="AA8">
        <v>5.63255043370956E-2</v>
      </c>
      <c r="AB8" s="3">
        <v>39867</v>
      </c>
      <c r="AC8">
        <v>7.7172778842088618E-2</v>
      </c>
      <c r="AE8" s="3">
        <v>39436</v>
      </c>
      <c r="AF8">
        <v>4.1794869449789385E-2</v>
      </c>
      <c r="AG8" s="3">
        <v>39251</v>
      </c>
      <c r="AH8">
        <v>0.34262997215097513</v>
      </c>
    </row>
    <row r="9" spans="1:34">
      <c r="A9" s="3">
        <v>39840</v>
      </c>
      <c r="B9">
        <v>-3.1283697210857886E-2</v>
      </c>
      <c r="C9" s="3">
        <v>39246</v>
      </c>
      <c r="D9">
        <v>0.17649712149680652</v>
      </c>
      <c r="F9" s="3">
        <v>39764</v>
      </c>
      <c r="G9">
        <v>2.7279680023504227E-2</v>
      </c>
      <c r="H9" s="3">
        <v>39252</v>
      </c>
      <c r="I9">
        <v>7.1899432078765368E-2</v>
      </c>
      <c r="K9" s="3">
        <v>39526</v>
      </c>
      <c r="L9">
        <v>8.3165243150436163E-2</v>
      </c>
      <c r="M9" s="3">
        <v>39293</v>
      </c>
      <c r="N9">
        <v>-1.6728840300471837E-2</v>
      </c>
      <c r="P9" s="3">
        <v>39589</v>
      </c>
      <c r="Q9">
        <v>0.16504476266044188</v>
      </c>
      <c r="R9" s="3">
        <v>39283</v>
      </c>
      <c r="S9">
        <v>0.11349567639178382</v>
      </c>
      <c r="U9" s="3">
        <v>39983</v>
      </c>
      <c r="V9">
        <v>-3.421691316526998E-2</v>
      </c>
      <c r="W9" s="3">
        <v>39304</v>
      </c>
      <c r="X9">
        <v>0.5722369982317792</v>
      </c>
      <c r="Z9" s="3">
        <v>40031</v>
      </c>
      <c r="AA9">
        <v>7.4039069543299085E-3</v>
      </c>
      <c r="AB9" s="3">
        <v>40392</v>
      </c>
      <c r="AC9">
        <v>0.35128586509647675</v>
      </c>
      <c r="AE9" s="3">
        <v>39526</v>
      </c>
      <c r="AF9">
        <v>-5.5638851643389775E-2</v>
      </c>
      <c r="AG9" s="3">
        <v>39254</v>
      </c>
      <c r="AH9">
        <v>0.33958449064834095</v>
      </c>
    </row>
    <row r="10" spans="1:34">
      <c r="A10" s="3">
        <v>39867</v>
      </c>
      <c r="B10">
        <v>-0.17832522650270333</v>
      </c>
      <c r="C10" s="3">
        <v>39294</v>
      </c>
      <c r="D10">
        <v>0.18940574878378325</v>
      </c>
      <c r="F10" s="3">
        <v>39864</v>
      </c>
      <c r="G10">
        <v>-6.0376891998173199E-2</v>
      </c>
      <c r="H10" s="3">
        <v>39286</v>
      </c>
      <c r="I10">
        <v>1.8463444808038965E-2</v>
      </c>
      <c r="K10" s="3">
        <v>39535</v>
      </c>
      <c r="L10">
        <v>1.2917244856796239E-2</v>
      </c>
      <c r="M10" s="3">
        <v>39318</v>
      </c>
      <c r="N10">
        <v>3.1260196888283298E-2</v>
      </c>
      <c r="P10" s="3">
        <v>39953</v>
      </c>
      <c r="Q10">
        <v>0.19495703767279027</v>
      </c>
      <c r="R10" s="3">
        <v>39344</v>
      </c>
      <c r="S10">
        <v>0.23146297162807827</v>
      </c>
      <c r="U10" s="3">
        <v>40092</v>
      </c>
      <c r="V10">
        <v>-3.0484251034571974E-2</v>
      </c>
      <c r="W10" s="3">
        <v>39352</v>
      </c>
      <c r="X10">
        <v>0.86598228492847684</v>
      </c>
      <c r="Z10" s="3">
        <v>40072</v>
      </c>
      <c r="AA10">
        <v>6.0400475404069898E-3</v>
      </c>
      <c r="AB10" s="3">
        <v>40652</v>
      </c>
      <c r="AC10">
        <v>0.90707683125810257</v>
      </c>
      <c r="AE10" s="3">
        <v>39574</v>
      </c>
      <c r="AF10">
        <v>0.1979802914441473</v>
      </c>
      <c r="AG10" s="3">
        <v>39286</v>
      </c>
      <c r="AH10">
        <v>0.54161790721933878</v>
      </c>
    </row>
    <row r="11" spans="1:34">
      <c r="A11" s="3">
        <v>39982</v>
      </c>
      <c r="B11">
        <v>-0.20788101197777342</v>
      </c>
      <c r="C11" s="3">
        <v>39345</v>
      </c>
      <c r="D11">
        <v>0.26189427994703385</v>
      </c>
      <c r="F11" s="3">
        <v>39982</v>
      </c>
      <c r="G11">
        <v>-0.11633430451413485</v>
      </c>
      <c r="H11" s="3">
        <v>39395</v>
      </c>
      <c r="I11">
        <v>0.31179278581803516</v>
      </c>
      <c r="K11" s="3">
        <v>39581</v>
      </c>
      <c r="L11">
        <v>3.449414029290776E-2</v>
      </c>
      <c r="M11" s="3">
        <v>39345</v>
      </c>
      <c r="N11">
        <v>2.7750306637110533E-2</v>
      </c>
      <c r="P11" s="3">
        <v>39982</v>
      </c>
      <c r="Q11">
        <v>0.17133829626490948</v>
      </c>
      <c r="R11" s="3">
        <v>39394</v>
      </c>
      <c r="S11">
        <v>0.19148641961949586</v>
      </c>
      <c r="U11" s="3">
        <v>40130</v>
      </c>
      <c r="V11">
        <v>8.7994871174263301E-2</v>
      </c>
      <c r="W11" s="3">
        <v>39434</v>
      </c>
      <c r="X11">
        <v>0.79551709285605532</v>
      </c>
      <c r="Z11" s="3">
        <v>40151</v>
      </c>
      <c r="AA11">
        <v>7.3638286276893616E-3</v>
      </c>
      <c r="AB11" s="3">
        <v>40945</v>
      </c>
      <c r="AC11">
        <v>0.7235666435933914</v>
      </c>
      <c r="AE11" s="3">
        <v>39674</v>
      </c>
      <c r="AF11">
        <v>0.14868909693313448</v>
      </c>
      <c r="AG11" s="3">
        <v>39365</v>
      </c>
      <c r="AH11">
        <v>1.6034007218744146</v>
      </c>
    </row>
    <row r="12" spans="1:34">
      <c r="A12" s="3">
        <v>40036</v>
      </c>
      <c r="B12">
        <v>-0.18273513301554722</v>
      </c>
      <c r="C12" s="3">
        <v>39373</v>
      </c>
      <c r="D12">
        <v>0.4170787571283725</v>
      </c>
      <c r="F12" s="3">
        <v>40189</v>
      </c>
      <c r="G12">
        <v>-0.14115209641653259</v>
      </c>
      <c r="H12" s="3">
        <v>39436</v>
      </c>
      <c r="I12">
        <v>0.3274989375641788</v>
      </c>
      <c r="K12" s="3">
        <v>39617</v>
      </c>
      <c r="L12">
        <v>1.9571653064282657E-2</v>
      </c>
      <c r="M12" s="3">
        <v>39359</v>
      </c>
      <c r="N12">
        <v>1.8248794934820456E-2</v>
      </c>
      <c r="P12" s="3">
        <v>40030</v>
      </c>
      <c r="Q12">
        <v>0.19413196966997259</v>
      </c>
      <c r="R12" s="3">
        <v>39437</v>
      </c>
      <c r="S12">
        <v>0.22371324500781675</v>
      </c>
      <c r="U12" s="3">
        <v>40260</v>
      </c>
      <c r="V12">
        <v>0.11711980876265571</v>
      </c>
      <c r="W12" s="3">
        <v>39510</v>
      </c>
      <c r="X12">
        <v>0.55491938308615718</v>
      </c>
      <c r="Z12" s="3">
        <v>40186</v>
      </c>
      <c r="AA12">
        <v>2.1435467975816636E-2</v>
      </c>
      <c r="AB12" s="3">
        <v>41177</v>
      </c>
      <c r="AC12">
        <v>0.87578610474879137</v>
      </c>
      <c r="AE12" s="3">
        <v>39822</v>
      </c>
      <c r="AF12">
        <v>2.339450342754934E-2</v>
      </c>
      <c r="AG12" s="3">
        <v>39399</v>
      </c>
      <c r="AH12">
        <v>1.3240638392656101</v>
      </c>
    </row>
    <row r="13" spans="1:34">
      <c r="A13" s="3">
        <v>40091</v>
      </c>
      <c r="B13">
        <v>-0.17385281609444647</v>
      </c>
      <c r="C13" s="3">
        <v>39394</v>
      </c>
      <c r="D13">
        <v>0.32970488363801365</v>
      </c>
      <c r="F13" s="3">
        <v>40261</v>
      </c>
      <c r="G13">
        <v>-0.14553684349511786</v>
      </c>
      <c r="H13" s="3">
        <v>39511</v>
      </c>
      <c r="I13">
        <v>0.14228265683392904</v>
      </c>
      <c r="K13" s="3">
        <v>39947</v>
      </c>
      <c r="L13">
        <v>-6.0415071649628116E-2</v>
      </c>
      <c r="M13" s="3">
        <v>39370</v>
      </c>
      <c r="N13">
        <v>3.5581305729350809E-3</v>
      </c>
      <c r="P13" s="3">
        <v>40114</v>
      </c>
      <c r="Q13">
        <v>0.10904502571749863</v>
      </c>
      <c r="R13" s="3">
        <v>39506</v>
      </c>
      <c r="S13">
        <v>0.21188415554983142</v>
      </c>
      <c r="U13" s="3">
        <v>40492</v>
      </c>
      <c r="V13">
        <v>0.16057530166250245</v>
      </c>
      <c r="W13" s="3">
        <v>39548</v>
      </c>
      <c r="X13">
        <v>0.62279812293682379</v>
      </c>
      <c r="Z13" s="3">
        <v>40392</v>
      </c>
      <c r="AA13">
        <v>2.0595210167143607E-2</v>
      </c>
      <c r="AB13" s="3">
        <v>41891</v>
      </c>
      <c r="AC13">
        <v>0.83900368063765352</v>
      </c>
      <c r="AE13" s="3">
        <v>39947</v>
      </c>
      <c r="AF13">
        <v>0.17368179671315676</v>
      </c>
      <c r="AG13" s="3">
        <v>39436</v>
      </c>
      <c r="AH13">
        <v>1.2932973917014348</v>
      </c>
    </row>
    <row r="14" spans="1:34">
      <c r="A14" s="3">
        <v>40149</v>
      </c>
      <c r="B14">
        <v>-0.21257593347606973</v>
      </c>
      <c r="C14" s="3">
        <v>39436</v>
      </c>
      <c r="D14">
        <v>0.35077351612643759</v>
      </c>
      <c r="F14" s="3">
        <v>40289</v>
      </c>
      <c r="G14">
        <v>-0.19587620268082839</v>
      </c>
      <c r="H14" s="3">
        <v>39555</v>
      </c>
      <c r="I14">
        <v>0.18441176453716035</v>
      </c>
      <c r="K14" s="3">
        <v>39983</v>
      </c>
      <c r="L14">
        <v>-9.6240628144939722E-2</v>
      </c>
      <c r="M14" s="3">
        <v>39399</v>
      </c>
      <c r="N14">
        <v>-0.1124636362430339</v>
      </c>
      <c r="P14" s="3">
        <v>40200</v>
      </c>
      <c r="Q14">
        <v>6.0061760059308744E-2</v>
      </c>
      <c r="R14" s="3">
        <v>39542</v>
      </c>
      <c r="S14">
        <v>0.25018426620635381</v>
      </c>
      <c r="U14" s="3">
        <v>40527</v>
      </c>
      <c r="V14">
        <v>0.14441005562304121</v>
      </c>
      <c r="W14" s="3">
        <v>39575</v>
      </c>
      <c r="X14">
        <v>0.47084926403536409</v>
      </c>
      <c r="Z14" s="3">
        <v>40819</v>
      </c>
      <c r="AA14">
        <v>-7.813806796617806E-3</v>
      </c>
      <c r="AB14" s="3">
        <v>42137</v>
      </c>
      <c r="AC14">
        <v>0.96023467369927995</v>
      </c>
      <c r="AE14" s="3">
        <v>40032</v>
      </c>
      <c r="AF14">
        <v>0.21138028861196556</v>
      </c>
      <c r="AG14" s="3">
        <v>39526</v>
      </c>
      <c r="AH14">
        <v>0.85473411636870456</v>
      </c>
    </row>
    <row r="15" spans="1:34">
      <c r="A15" s="3">
        <v>40262</v>
      </c>
      <c r="B15">
        <v>-0.14546487932437446</v>
      </c>
      <c r="C15" s="3">
        <v>39552</v>
      </c>
      <c r="D15">
        <v>0.59082973682023243</v>
      </c>
      <c r="F15" s="3">
        <v>40400</v>
      </c>
      <c r="G15">
        <v>-0.17309028105660818</v>
      </c>
      <c r="H15" s="3">
        <v>39580</v>
      </c>
      <c r="I15">
        <v>0.28438446888954982</v>
      </c>
      <c r="K15" s="3">
        <v>40086</v>
      </c>
      <c r="L15">
        <v>-6.6498658019914503E-2</v>
      </c>
      <c r="M15" s="3">
        <v>39450</v>
      </c>
      <c r="N15">
        <v>-0.14567841395547843</v>
      </c>
      <c r="P15" s="3">
        <v>40679</v>
      </c>
      <c r="Q15">
        <v>0.26885361760710369</v>
      </c>
      <c r="R15" s="3">
        <v>39589</v>
      </c>
      <c r="S15">
        <v>0.30362972387891607</v>
      </c>
      <c r="U15" s="3">
        <v>40844</v>
      </c>
      <c r="V15">
        <v>9.4885352710463833E-2</v>
      </c>
      <c r="W15" s="3">
        <v>39611</v>
      </c>
      <c r="X15">
        <v>0.3892975716955942</v>
      </c>
      <c r="Z15" s="3">
        <v>40848</v>
      </c>
      <c r="AA15">
        <v>-2.955618784216818E-2</v>
      </c>
      <c r="AB15" s="3">
        <v>42174</v>
      </c>
      <c r="AC15">
        <v>0.82630291006845802</v>
      </c>
      <c r="AE15" s="3">
        <v>40113</v>
      </c>
      <c r="AF15">
        <v>7.3418863185163108E-2</v>
      </c>
      <c r="AG15" s="3">
        <v>39574</v>
      </c>
      <c r="AH15">
        <v>1.3377134642673818</v>
      </c>
    </row>
    <row r="16" spans="1:34">
      <c r="A16" s="3">
        <v>40360</v>
      </c>
      <c r="B16">
        <v>-0.20384366125534636</v>
      </c>
      <c r="C16" s="3">
        <v>39587</v>
      </c>
      <c r="D16">
        <v>0.66853089539659827</v>
      </c>
      <c r="F16" s="3">
        <v>40604</v>
      </c>
      <c r="G16">
        <v>-0.21153011317539128</v>
      </c>
      <c r="H16" s="3">
        <v>39619</v>
      </c>
      <c r="I16">
        <v>0.26644562997869659</v>
      </c>
      <c r="K16" s="3">
        <v>40114</v>
      </c>
      <c r="L16">
        <v>-0.11128201437627927</v>
      </c>
      <c r="M16" s="3">
        <v>39526</v>
      </c>
      <c r="N16">
        <v>-0.14182071026237397</v>
      </c>
      <c r="P16" s="3">
        <v>40851</v>
      </c>
      <c r="Q16">
        <v>0.22499328515626837</v>
      </c>
      <c r="R16" s="3">
        <v>39632</v>
      </c>
      <c r="S16">
        <v>0.2018290984086748</v>
      </c>
      <c r="U16" s="3">
        <v>41009</v>
      </c>
      <c r="V16">
        <v>6.4429141274906954E-2</v>
      </c>
      <c r="W16" s="3">
        <v>39685</v>
      </c>
      <c r="X16">
        <v>0.6317451007178867</v>
      </c>
      <c r="Z16" s="3">
        <v>40988</v>
      </c>
      <c r="AA16">
        <v>-2.4370147951874088E-2</v>
      </c>
      <c r="AB16" s="3">
        <v>42324</v>
      </c>
      <c r="AC16">
        <v>0.45737867013667932</v>
      </c>
      <c r="AE16" s="3">
        <v>40150</v>
      </c>
      <c r="AF16">
        <v>4.7876451301440248E-2</v>
      </c>
      <c r="AG16" s="3">
        <v>39622</v>
      </c>
      <c r="AH16">
        <v>1.3632087785478872</v>
      </c>
    </row>
    <row r="17" spans="1:34">
      <c r="A17" s="3">
        <v>40483</v>
      </c>
      <c r="B17">
        <v>-0.21585664086498535</v>
      </c>
      <c r="C17" s="3">
        <v>39653</v>
      </c>
      <c r="D17">
        <v>0.47784162843659961</v>
      </c>
      <c r="F17" s="3">
        <v>40905</v>
      </c>
      <c r="G17">
        <v>-0.19379795761340757</v>
      </c>
      <c r="H17" s="3">
        <v>39650</v>
      </c>
      <c r="I17">
        <v>0.11223252511497295</v>
      </c>
      <c r="K17" s="3">
        <v>40200</v>
      </c>
      <c r="L17">
        <v>-0.17218770312007781</v>
      </c>
      <c r="M17" s="3">
        <v>39535</v>
      </c>
      <c r="N17">
        <v>-0.19747738652885305</v>
      </c>
      <c r="P17" s="3">
        <v>40935</v>
      </c>
      <c r="Q17">
        <v>0.29679487177136843</v>
      </c>
      <c r="R17" s="3">
        <v>39681</v>
      </c>
      <c r="S17">
        <v>0.25405882827029691</v>
      </c>
      <c r="U17" s="3">
        <v>41260</v>
      </c>
      <c r="V17">
        <v>9.350484308596263E-2</v>
      </c>
      <c r="W17" s="3">
        <v>39715</v>
      </c>
      <c r="X17">
        <v>0.59081497258707216</v>
      </c>
      <c r="Z17" s="3">
        <v>41023</v>
      </c>
      <c r="AA17">
        <v>-1.7176213802999163E-2</v>
      </c>
      <c r="AB17" s="3"/>
      <c r="AE17" s="3">
        <v>40242</v>
      </c>
      <c r="AF17">
        <v>0.11484194333876196</v>
      </c>
      <c r="AG17" s="3">
        <v>39647</v>
      </c>
      <c r="AH17">
        <v>1.1888736660729982</v>
      </c>
    </row>
    <row r="18" spans="1:34">
      <c r="A18" s="3">
        <v>40535</v>
      </c>
      <c r="B18">
        <v>-0.20952990258323667</v>
      </c>
      <c r="C18" s="3">
        <v>39689</v>
      </c>
      <c r="D18">
        <v>0.44352669129297517</v>
      </c>
      <c r="F18" s="3">
        <v>41008</v>
      </c>
      <c r="G18">
        <v>-0.22443496627153936</v>
      </c>
      <c r="H18" s="3">
        <v>39688</v>
      </c>
      <c r="I18">
        <v>9.9836188704216955E-2</v>
      </c>
      <c r="K18" s="3">
        <v>40393</v>
      </c>
      <c r="L18">
        <v>-0.15043128990743393</v>
      </c>
      <c r="M18" s="3">
        <v>39581</v>
      </c>
      <c r="N18">
        <v>-0.18328188508147536</v>
      </c>
      <c r="P18" s="3">
        <v>41004</v>
      </c>
      <c r="Q18">
        <v>0.3103322800680357</v>
      </c>
      <c r="R18" s="3">
        <v>39735</v>
      </c>
      <c r="S18">
        <v>7.5775828451579264E-2</v>
      </c>
      <c r="U18" s="3">
        <v>41352</v>
      </c>
      <c r="V18">
        <v>1.9213286348278125E-2</v>
      </c>
      <c r="W18" s="3">
        <v>39769</v>
      </c>
      <c r="X18">
        <v>0.27348612594178423</v>
      </c>
      <c r="Z18" s="3">
        <v>41037</v>
      </c>
      <c r="AA18">
        <v>-6.5681780707949278E-2</v>
      </c>
      <c r="AB18" s="3"/>
      <c r="AE18" s="3">
        <v>40808</v>
      </c>
      <c r="AF18">
        <v>-6.6887052750597253E-2</v>
      </c>
      <c r="AG18" s="3">
        <v>39674</v>
      </c>
      <c r="AH18">
        <v>1.0426217833548272</v>
      </c>
    </row>
    <row r="19" spans="1:34">
      <c r="A19" s="3">
        <v>41085</v>
      </c>
      <c r="B19">
        <v>-0.22491559034163067</v>
      </c>
      <c r="C19" s="3">
        <v>39765</v>
      </c>
      <c r="D19">
        <v>0.42127322759075403</v>
      </c>
      <c r="F19" s="3">
        <v>41138</v>
      </c>
      <c r="G19">
        <v>-0.14022774136229865</v>
      </c>
      <c r="H19" s="3">
        <v>39728</v>
      </c>
      <c r="I19">
        <v>-0.11527797331145007</v>
      </c>
      <c r="K19" s="3">
        <v>40680</v>
      </c>
      <c r="L19">
        <v>-0.20535010164577339</v>
      </c>
      <c r="M19" s="3">
        <v>39617</v>
      </c>
      <c r="N19">
        <v>-0.2220559915631346</v>
      </c>
      <c r="P19" s="3">
        <v>41355</v>
      </c>
      <c r="Q19">
        <v>0.36872612800446625</v>
      </c>
      <c r="R19" s="3">
        <v>39769</v>
      </c>
      <c r="S19">
        <v>-2.0652257011867681E-2</v>
      </c>
      <c r="U19" s="3">
        <v>41485</v>
      </c>
      <c r="V19">
        <v>2.1795026096245174E-3</v>
      </c>
      <c r="W19" s="3">
        <v>39808</v>
      </c>
      <c r="X19">
        <v>0.4585514661873682</v>
      </c>
      <c r="Z19" s="3">
        <v>41149</v>
      </c>
      <c r="AA19">
        <v>-6.6568540594384662E-2</v>
      </c>
      <c r="AB19" s="3"/>
      <c r="AE19" s="3">
        <v>40856</v>
      </c>
      <c r="AF19">
        <v>-9.744289626877134E-2</v>
      </c>
      <c r="AG19" s="3">
        <v>39727</v>
      </c>
      <c r="AH19">
        <v>0.76494919318384502</v>
      </c>
    </row>
    <row r="20" spans="1:34">
      <c r="A20" s="3">
        <v>41114</v>
      </c>
      <c r="B20">
        <v>-0.23637782750285607</v>
      </c>
      <c r="C20" s="3">
        <v>39805</v>
      </c>
      <c r="D20">
        <v>0.3430650781245741</v>
      </c>
      <c r="F20" s="3">
        <v>41331</v>
      </c>
      <c r="G20">
        <v>-0.11794560806870025</v>
      </c>
      <c r="H20" s="3">
        <v>39764</v>
      </c>
      <c r="I20">
        <v>-0.27614329136189109</v>
      </c>
      <c r="K20" s="3">
        <v>40813</v>
      </c>
      <c r="L20">
        <v>-0.17131577764098482</v>
      </c>
      <c r="M20" s="3">
        <v>39686</v>
      </c>
      <c r="N20">
        <v>-0.14119822246534641</v>
      </c>
      <c r="P20" s="3">
        <v>41407</v>
      </c>
      <c r="Q20">
        <v>0.48196605945807303</v>
      </c>
      <c r="R20" s="3">
        <v>39812</v>
      </c>
      <c r="S20">
        <v>5.3193143813738075E-2</v>
      </c>
      <c r="U20" s="3">
        <v>42194</v>
      </c>
      <c r="V20">
        <v>-5.4219046343693122E-3</v>
      </c>
      <c r="W20" s="3">
        <v>39867</v>
      </c>
      <c r="X20">
        <v>0.41543024877922674</v>
      </c>
      <c r="Z20" s="3">
        <v>41262</v>
      </c>
      <c r="AA20">
        <v>-1.5144615713957088E-2</v>
      </c>
      <c r="AB20" s="3"/>
      <c r="AE20" s="3">
        <v>40967</v>
      </c>
      <c r="AF20">
        <v>-0.10846703173505789</v>
      </c>
      <c r="AG20" s="3">
        <v>39757</v>
      </c>
      <c r="AH20">
        <v>0.50760993975429147</v>
      </c>
    </row>
    <row r="21" spans="1:34">
      <c r="A21" s="3">
        <v>41157</v>
      </c>
      <c r="B21">
        <v>-0.18868391553259201</v>
      </c>
      <c r="C21" s="3">
        <v>39840</v>
      </c>
      <c r="D21">
        <v>0.34528923133263745</v>
      </c>
      <c r="F21" s="3">
        <v>41480</v>
      </c>
      <c r="G21">
        <v>-0.14756988535182036</v>
      </c>
      <c r="H21" s="3">
        <v>39812</v>
      </c>
      <c r="I21">
        <v>-0.20023252993195717</v>
      </c>
      <c r="K21" s="3">
        <v>40848</v>
      </c>
      <c r="L21">
        <v>-0.16322873299109786</v>
      </c>
      <c r="M21" s="3">
        <v>39728</v>
      </c>
      <c r="N21">
        <v>-0.29987776769231334</v>
      </c>
      <c r="P21" s="3">
        <v>41445</v>
      </c>
      <c r="Q21">
        <v>0.45077951886023326</v>
      </c>
      <c r="R21" s="3">
        <v>39867</v>
      </c>
      <c r="S21">
        <v>-6.6575702327956399E-2</v>
      </c>
      <c r="U21" s="3">
        <v>42324</v>
      </c>
      <c r="V21">
        <v>0.15928821416033356</v>
      </c>
      <c r="W21" s="3">
        <v>39911</v>
      </c>
      <c r="X21">
        <v>0.62675156639386276</v>
      </c>
      <c r="Z21" s="3">
        <v>41285</v>
      </c>
      <c r="AA21">
        <v>-8.0306648628285515E-3</v>
      </c>
      <c r="AB21" s="3"/>
      <c r="AE21" s="3">
        <v>41011</v>
      </c>
      <c r="AF21">
        <v>-7.8568599734606837E-2</v>
      </c>
      <c r="AG21" s="3">
        <v>39822</v>
      </c>
      <c r="AH21">
        <v>0.54199290460004024</v>
      </c>
    </row>
    <row r="22" spans="1:34">
      <c r="A22" s="3">
        <v>41337</v>
      </c>
      <c r="B22">
        <v>-0.20832276058044097</v>
      </c>
      <c r="C22" s="3">
        <v>39867</v>
      </c>
      <c r="D22">
        <v>0.2577731319079053</v>
      </c>
      <c r="F22" s="3">
        <v>41703</v>
      </c>
      <c r="G22">
        <v>-0.13661334257945812</v>
      </c>
      <c r="H22" s="3">
        <v>39864</v>
      </c>
      <c r="I22">
        <v>-0.19294115209024154</v>
      </c>
      <c r="K22" s="3">
        <v>40939</v>
      </c>
      <c r="L22">
        <v>-0.13777895140404173</v>
      </c>
      <c r="M22" s="3">
        <v>39771</v>
      </c>
      <c r="N22">
        <v>-0.34382577605966969</v>
      </c>
      <c r="P22" s="3">
        <v>41548</v>
      </c>
      <c r="Q22">
        <v>0.39516834101007281</v>
      </c>
      <c r="R22" s="3">
        <v>39905</v>
      </c>
      <c r="S22">
        <v>4.9768013857527382E-2</v>
      </c>
      <c r="U22" s="3">
        <v>42487</v>
      </c>
      <c r="V22">
        <v>0.18896482846829721</v>
      </c>
      <c r="W22" s="3">
        <v>39983</v>
      </c>
      <c r="X22">
        <v>0.62498860260466538</v>
      </c>
      <c r="Z22" s="3">
        <v>41355</v>
      </c>
      <c r="AA22">
        <v>-0.11536033315540772</v>
      </c>
      <c r="AB22" s="3"/>
      <c r="AE22" s="3">
        <v>41192</v>
      </c>
      <c r="AF22">
        <v>-0.11983765735963081</v>
      </c>
      <c r="AG22" s="3">
        <v>39867</v>
      </c>
      <c r="AH22">
        <v>0.57779747239207202</v>
      </c>
    </row>
    <row r="23" spans="1:34">
      <c r="A23" s="3">
        <v>41584</v>
      </c>
      <c r="B23">
        <v>-0.20899090905126627</v>
      </c>
      <c r="C23" s="3">
        <v>39917</v>
      </c>
      <c r="D23">
        <v>0.55120544429983798</v>
      </c>
      <c r="F23" s="3">
        <v>41802</v>
      </c>
      <c r="G23">
        <v>-0.1588864644459308</v>
      </c>
      <c r="H23" s="3">
        <v>39918</v>
      </c>
      <c r="I23">
        <v>-8.0519826473239187E-2</v>
      </c>
      <c r="K23" s="3">
        <v>41305</v>
      </c>
      <c r="L23">
        <v>-0.15341832348271189</v>
      </c>
      <c r="M23" s="3">
        <v>39811</v>
      </c>
      <c r="N23">
        <v>-0.39099424201248179</v>
      </c>
      <c r="P23" s="3">
        <v>41648</v>
      </c>
      <c r="Q23">
        <v>0.40908662110467775</v>
      </c>
      <c r="R23" s="3">
        <v>39941</v>
      </c>
      <c r="S23">
        <v>-4.2833786498155391E-3</v>
      </c>
      <c r="U23" s="3">
        <v>42657</v>
      </c>
      <c r="V23">
        <v>0.16858812593982209</v>
      </c>
      <c r="W23" s="3">
        <v>40030</v>
      </c>
      <c r="X23">
        <v>0.68123590594451899</v>
      </c>
      <c r="Z23" s="3">
        <v>41423</v>
      </c>
      <c r="AA23">
        <v>-0.10547894448167827</v>
      </c>
      <c r="AB23" s="3"/>
      <c r="AE23" s="3">
        <v>41297</v>
      </c>
      <c r="AF23">
        <v>-4.9540498574339287E-2</v>
      </c>
      <c r="AG23" s="3">
        <v>39870</v>
      </c>
      <c r="AH23">
        <v>0.60172339410272624</v>
      </c>
    </row>
    <row r="24" spans="1:34">
      <c r="A24" s="3">
        <v>41737</v>
      </c>
      <c r="B24">
        <v>-0.2368522312005491</v>
      </c>
      <c r="C24" s="3">
        <v>39982</v>
      </c>
      <c r="D24">
        <v>0.51257837994555655</v>
      </c>
      <c r="F24" s="3">
        <v>42221</v>
      </c>
      <c r="G24">
        <v>-3.3429502085188689E-2</v>
      </c>
      <c r="H24" s="3">
        <v>39924</v>
      </c>
      <c r="I24">
        <v>-0.10576658225726077</v>
      </c>
      <c r="K24" s="3">
        <v>41358</v>
      </c>
      <c r="L24">
        <v>-0.18205616518139667</v>
      </c>
      <c r="M24" s="3">
        <v>39868</v>
      </c>
      <c r="N24">
        <v>-0.44165160169829376</v>
      </c>
      <c r="P24" s="3">
        <v>41751</v>
      </c>
      <c r="Q24">
        <v>0.4854629377813231</v>
      </c>
      <c r="R24" s="3">
        <v>39945</v>
      </c>
      <c r="S24">
        <v>-1.4648678546759442E-2</v>
      </c>
      <c r="W24" s="3">
        <v>40059</v>
      </c>
      <c r="X24">
        <v>0.56458036565451053</v>
      </c>
      <c r="Z24" s="3">
        <v>41746</v>
      </c>
      <c r="AA24">
        <v>-0.12831498121732487</v>
      </c>
      <c r="AB24" s="3"/>
      <c r="AE24" s="3">
        <v>41425</v>
      </c>
      <c r="AF24">
        <v>-3.7690852234218974E-2</v>
      </c>
      <c r="AG24" s="3">
        <v>39899</v>
      </c>
      <c r="AH24">
        <v>0.81633127351565049</v>
      </c>
    </row>
    <row r="25" spans="1:34">
      <c r="A25" s="3">
        <v>41890</v>
      </c>
      <c r="B25">
        <v>-0.26075226942077978</v>
      </c>
      <c r="C25" s="3">
        <v>40036</v>
      </c>
      <c r="D25">
        <v>0.77803299136221327</v>
      </c>
      <c r="F25" s="3">
        <v>42320</v>
      </c>
      <c r="G25">
        <v>6.1079944940333641E-2</v>
      </c>
      <c r="H25" s="3">
        <v>39982</v>
      </c>
      <c r="I25">
        <v>-0.13569964096028009</v>
      </c>
      <c r="K25" s="3">
        <v>41431</v>
      </c>
      <c r="L25">
        <v>-0.17159569608692737</v>
      </c>
      <c r="M25" s="3">
        <v>39911</v>
      </c>
      <c r="N25">
        <v>-0.38333284948034618</v>
      </c>
      <c r="P25" s="3">
        <v>42306</v>
      </c>
      <c r="Q25">
        <v>0.55443733970588815</v>
      </c>
      <c r="R25" s="3">
        <v>39953</v>
      </c>
      <c r="S25">
        <v>1.4657871000759215E-2</v>
      </c>
      <c r="W25" s="3">
        <v>40092</v>
      </c>
      <c r="X25">
        <v>0.56820299894798243</v>
      </c>
      <c r="Z25" s="3">
        <v>41781</v>
      </c>
      <c r="AA25">
        <v>-0.13683849320637553</v>
      </c>
      <c r="AB25" s="3"/>
      <c r="AE25" s="3">
        <v>41556</v>
      </c>
      <c r="AF25">
        <v>-3.5782729726950291E-2</v>
      </c>
      <c r="AG25" s="3">
        <v>39947</v>
      </c>
      <c r="AH25">
        <v>1.0282321109711705</v>
      </c>
    </row>
    <row r="26" spans="1:34">
      <c r="A26" s="3">
        <v>42065</v>
      </c>
      <c r="B26">
        <v>-0.19739709858473664</v>
      </c>
      <c r="C26" s="3">
        <v>40091</v>
      </c>
      <c r="D26">
        <v>0.9126217764380693</v>
      </c>
      <c r="F26" s="3">
        <v>42465</v>
      </c>
      <c r="G26">
        <v>6.7256608037268073E-2</v>
      </c>
      <c r="H26" s="3">
        <v>40037</v>
      </c>
      <c r="I26">
        <v>-4.3554892323959038E-2</v>
      </c>
      <c r="K26" s="3">
        <v>41484</v>
      </c>
      <c r="L26">
        <v>-0.19107632192773893</v>
      </c>
      <c r="M26" s="3">
        <v>39947</v>
      </c>
      <c r="N26">
        <v>-0.43026002283449749</v>
      </c>
      <c r="P26" s="3">
        <v>42579</v>
      </c>
      <c r="Q26">
        <v>0.54687429446044744</v>
      </c>
      <c r="R26" s="3">
        <v>39982</v>
      </c>
      <c r="S26">
        <v>-2.4083611346542577E-2</v>
      </c>
      <c r="W26" s="3">
        <v>40130</v>
      </c>
      <c r="X26">
        <v>0.75984435697531394</v>
      </c>
      <c r="Z26" s="3">
        <v>41865</v>
      </c>
      <c r="AA26">
        <v>-0.1299159166357664</v>
      </c>
      <c r="AB26" s="3"/>
      <c r="AE26" s="3">
        <v>41584</v>
      </c>
      <c r="AF26">
        <v>-0.10000395809437301</v>
      </c>
      <c r="AG26" s="3">
        <v>39983</v>
      </c>
      <c r="AH26">
        <v>1.1712298476666305</v>
      </c>
    </row>
    <row r="27" spans="1:34">
      <c r="A27" s="3">
        <v>42130</v>
      </c>
      <c r="B27">
        <v>-0.22986343965870104</v>
      </c>
      <c r="C27" s="3">
        <v>40119</v>
      </c>
      <c r="D27">
        <v>0.76692567808929102</v>
      </c>
      <c r="F27" s="3">
        <v>42653</v>
      </c>
      <c r="G27">
        <v>8.0273148973231345E-2</v>
      </c>
      <c r="H27" s="3">
        <v>40091</v>
      </c>
      <c r="I27">
        <v>-4.9779212995453737E-2</v>
      </c>
      <c r="K27" s="3">
        <v>41849</v>
      </c>
      <c r="L27">
        <v>-0.18249111097463588</v>
      </c>
      <c r="M27" s="3">
        <v>39983</v>
      </c>
      <c r="N27">
        <v>-0.44320868743904984</v>
      </c>
      <c r="P27" s="3">
        <v>42639</v>
      </c>
      <c r="Q27">
        <v>0.60785448671108777</v>
      </c>
      <c r="R27" s="3">
        <v>40030</v>
      </c>
      <c r="S27">
        <v>0.15469159761107876</v>
      </c>
      <c r="W27" s="3">
        <v>40191</v>
      </c>
      <c r="X27">
        <v>0.68906853949340618</v>
      </c>
      <c r="Z27" s="3">
        <v>41891</v>
      </c>
      <c r="AA27">
        <v>-0.14812120106021476</v>
      </c>
      <c r="AB27" s="3"/>
      <c r="AE27" s="3">
        <v>41626</v>
      </c>
      <c r="AF27">
        <v>-7.6083071208468245E-2</v>
      </c>
      <c r="AG27" s="3">
        <v>40032</v>
      </c>
      <c r="AH27">
        <v>1.5196574429005434</v>
      </c>
    </row>
    <row r="28" spans="1:34">
      <c r="A28" s="3">
        <v>42452</v>
      </c>
      <c r="B28">
        <v>-0.1869631786367334</v>
      </c>
      <c r="C28" s="3">
        <v>40149</v>
      </c>
      <c r="D28">
        <v>0.67499438645448673</v>
      </c>
      <c r="H28" s="3">
        <v>40119</v>
      </c>
      <c r="I28">
        <v>-7.7187608736505653E-2</v>
      </c>
      <c r="K28" s="3">
        <v>42305</v>
      </c>
      <c r="L28">
        <v>-0.14001928343627457</v>
      </c>
      <c r="M28" s="3">
        <v>40032</v>
      </c>
      <c r="N28">
        <v>-0.33466883238994105</v>
      </c>
      <c r="P28" s="3">
        <v>42648</v>
      </c>
      <c r="Q28">
        <v>0.61807669313544866</v>
      </c>
      <c r="R28" s="3">
        <v>40072</v>
      </c>
      <c r="S28">
        <v>0.16536677238954645</v>
      </c>
      <c r="W28" s="3">
        <v>40260</v>
      </c>
      <c r="X28">
        <v>0.8497754199724683</v>
      </c>
      <c r="Z28" s="3">
        <v>42137</v>
      </c>
      <c r="AA28">
        <v>-0.16340494600915034</v>
      </c>
      <c r="AB28" s="3"/>
      <c r="AE28" s="3">
        <v>41816</v>
      </c>
      <c r="AF28">
        <v>1.3330062422153954E-2</v>
      </c>
      <c r="AG28" s="3">
        <v>40087</v>
      </c>
      <c r="AH28">
        <v>1.8449766307342834</v>
      </c>
    </row>
    <row r="29" spans="1:34">
      <c r="C29" s="3">
        <v>40192</v>
      </c>
      <c r="D29">
        <v>0.75081884532965715</v>
      </c>
      <c r="H29" s="3">
        <v>40151</v>
      </c>
      <c r="I29">
        <v>-6.3809085956138434E-2</v>
      </c>
      <c r="K29" s="3">
        <v>42585</v>
      </c>
      <c r="L29">
        <v>-0.11702517537242874</v>
      </c>
      <c r="M29" s="3">
        <v>40086</v>
      </c>
      <c r="N29">
        <v>-0.27491220597815025</v>
      </c>
      <c r="R29" s="3">
        <v>40114</v>
      </c>
      <c r="S29">
        <v>0.11553983699595949</v>
      </c>
      <c r="W29" s="3">
        <v>40297</v>
      </c>
      <c r="X29">
        <v>0.8567186150407371</v>
      </c>
      <c r="Z29" s="3">
        <v>42240</v>
      </c>
      <c r="AA29">
        <v>-0.19615573834822309</v>
      </c>
      <c r="AB29" s="3"/>
      <c r="AE29" s="3">
        <v>41863</v>
      </c>
      <c r="AF29">
        <v>-4.0421052108752242E-4</v>
      </c>
      <c r="AG29" s="3">
        <v>40113</v>
      </c>
      <c r="AH29">
        <v>1.6705415020395238</v>
      </c>
    </row>
    <row r="30" spans="1:34">
      <c r="C30" s="3">
        <v>40262</v>
      </c>
      <c r="D30">
        <v>0.9509493047829447</v>
      </c>
      <c r="H30" s="3">
        <v>40189</v>
      </c>
      <c r="I30">
        <v>-7.9986708079408886E-2</v>
      </c>
      <c r="M30" s="3">
        <v>40114</v>
      </c>
      <c r="N30">
        <v>-0.31168985491204204</v>
      </c>
      <c r="R30" s="3">
        <v>40150</v>
      </c>
      <c r="S30">
        <v>9.5688466468094369E-2</v>
      </c>
      <c r="W30" s="3">
        <v>40358</v>
      </c>
      <c r="X30">
        <v>0.6150745556721009</v>
      </c>
      <c r="Z30" s="3">
        <v>42465</v>
      </c>
      <c r="AA30">
        <v>-0.14014758562273255</v>
      </c>
      <c r="AB30" s="3"/>
      <c r="AE30" s="3">
        <v>41901</v>
      </c>
      <c r="AF30">
        <v>2.1902871751248831E-2</v>
      </c>
      <c r="AG30" s="3">
        <v>40150</v>
      </c>
      <c r="AH30">
        <v>1.6420764008458133</v>
      </c>
    </row>
    <row r="31" spans="1:34">
      <c r="C31" s="3">
        <v>40304</v>
      </c>
      <c r="D31">
        <v>0.98169050442945904</v>
      </c>
      <c r="H31" s="3">
        <v>40261</v>
      </c>
      <c r="I31">
        <v>-4.0600609253242603E-2</v>
      </c>
      <c r="M31" s="3">
        <v>40151</v>
      </c>
      <c r="N31">
        <v>-0.30332750696889088</v>
      </c>
      <c r="R31" s="3">
        <v>40169</v>
      </c>
      <c r="S31">
        <v>9.8978877062516402E-2</v>
      </c>
      <c r="W31" s="3">
        <v>40392</v>
      </c>
      <c r="X31">
        <v>0.58874328262359255</v>
      </c>
      <c r="Z31" s="3">
        <v>42572</v>
      </c>
      <c r="AA31">
        <v>-0.15455736991921543</v>
      </c>
      <c r="AB31" s="3"/>
      <c r="AE31" s="3">
        <v>42101</v>
      </c>
      <c r="AF31">
        <v>-2.0474251749676764E-2</v>
      </c>
      <c r="AG31" s="3">
        <v>40211</v>
      </c>
      <c r="AH31">
        <v>1.7052353044107358</v>
      </c>
    </row>
    <row r="32" spans="1:34">
      <c r="C32" s="3">
        <v>40360</v>
      </c>
      <c r="D32">
        <v>0.88785972765752619</v>
      </c>
      <c r="H32" s="3">
        <v>40289</v>
      </c>
      <c r="I32">
        <v>-9.3690753828380435E-2</v>
      </c>
      <c r="M32" s="3">
        <v>40164</v>
      </c>
      <c r="N32">
        <v>-0.31134892538123515</v>
      </c>
      <c r="R32" s="3">
        <v>40200</v>
      </c>
      <c r="S32">
        <v>4.7924831908023657E-2</v>
      </c>
      <c r="W32" s="3">
        <v>40395</v>
      </c>
      <c r="X32">
        <v>0.59185651208298617</v>
      </c>
      <c r="AB32" s="3"/>
      <c r="AE32" s="3">
        <v>42492</v>
      </c>
      <c r="AF32">
        <v>-9.8059944252454234E-2</v>
      </c>
      <c r="AG32" s="3">
        <v>40242</v>
      </c>
      <c r="AH32">
        <v>1.8899834912680196</v>
      </c>
    </row>
    <row r="33" spans="3:34">
      <c r="C33" s="3">
        <v>40401</v>
      </c>
      <c r="D33">
        <v>0.82350252248774924</v>
      </c>
      <c r="H33" s="3">
        <v>40358</v>
      </c>
      <c r="I33">
        <v>-0.17390685735610112</v>
      </c>
      <c r="M33" s="3">
        <v>40200</v>
      </c>
      <c r="N33">
        <v>-0.33925171952407374</v>
      </c>
      <c r="R33" s="3">
        <v>40246</v>
      </c>
      <c r="S33">
        <v>5.9051548606679383E-2</v>
      </c>
      <c r="W33" s="3">
        <v>40414</v>
      </c>
      <c r="X33">
        <v>0.54484007983133731</v>
      </c>
      <c r="AB33" s="3"/>
      <c r="AE33" s="3">
        <v>42613</v>
      </c>
      <c r="AF33">
        <v>-0.10966596088106795</v>
      </c>
      <c r="AG33" s="3">
        <v>40269</v>
      </c>
      <c r="AH33">
        <v>1.991082059907765</v>
      </c>
    </row>
    <row r="34" spans="3:34">
      <c r="C34" s="3">
        <v>40455</v>
      </c>
      <c r="D34">
        <v>1.0149135650799002</v>
      </c>
      <c r="H34" s="3">
        <v>40400</v>
      </c>
      <c r="I34">
        <v>-0.15770338954137519</v>
      </c>
      <c r="M34" s="3">
        <v>40262</v>
      </c>
      <c r="N34">
        <v>-0.26500096578372356</v>
      </c>
      <c r="R34" s="3">
        <v>40274</v>
      </c>
      <c r="S34">
        <v>6.8592505414284188E-2</v>
      </c>
      <c r="W34" s="3">
        <v>40452</v>
      </c>
      <c r="X34">
        <v>0.69153277551710723</v>
      </c>
      <c r="AB34" s="3"/>
      <c r="AG34" s="3">
        <v>40310</v>
      </c>
      <c r="AH34">
        <v>-0.67004821226629896</v>
      </c>
    </row>
    <row r="35" spans="3:34">
      <c r="C35" s="3">
        <v>40483</v>
      </c>
      <c r="D35">
        <v>0.98034316457290394</v>
      </c>
      <c r="H35" s="3">
        <v>40459</v>
      </c>
      <c r="I35">
        <v>-5.1271024942417309E-2</v>
      </c>
      <c r="M35" s="3">
        <v>40303</v>
      </c>
      <c r="N35">
        <v>-0.28203739428097474</v>
      </c>
      <c r="R35" s="3">
        <v>40301</v>
      </c>
      <c r="S35">
        <v>3.564423649734394E-2</v>
      </c>
      <c r="W35" s="3">
        <v>40492</v>
      </c>
      <c r="X35">
        <v>0.72517437210337676</v>
      </c>
      <c r="AB35" s="3"/>
      <c r="AG35" s="3">
        <v>40359</v>
      </c>
      <c r="AH35">
        <v>-0.70435486336037734</v>
      </c>
    </row>
    <row r="36" spans="3:34">
      <c r="C36" s="3">
        <v>40535</v>
      </c>
      <c r="D36">
        <v>1.0187722524624458</v>
      </c>
      <c r="H36" s="3">
        <v>40486</v>
      </c>
      <c r="I36">
        <v>-2.5610730509073365E-2</v>
      </c>
      <c r="M36" s="3">
        <v>40360</v>
      </c>
      <c r="N36">
        <v>-0.32935478920973305</v>
      </c>
      <c r="R36" s="3">
        <v>40360</v>
      </c>
      <c r="S36">
        <v>-4.3829661747056603E-2</v>
      </c>
      <c r="W36" s="3">
        <v>40527</v>
      </c>
      <c r="X36">
        <v>0.71559825227763074</v>
      </c>
      <c r="AB36" s="3"/>
      <c r="AG36" s="3">
        <v>40403</v>
      </c>
      <c r="AH36">
        <v>-0.66408386025626975</v>
      </c>
    </row>
    <row r="37" spans="3:34">
      <c r="C37" s="3">
        <v>40568</v>
      </c>
      <c r="D37">
        <v>1.063499432020842</v>
      </c>
      <c r="H37" s="3">
        <v>40550</v>
      </c>
      <c r="I37">
        <v>1.7124194464879672E-2</v>
      </c>
      <c r="M37" s="3">
        <v>40393</v>
      </c>
      <c r="N37">
        <v>-0.32709482219780295</v>
      </c>
      <c r="R37" s="3">
        <v>40393</v>
      </c>
      <c r="S37">
        <v>-6.5764279902923883E-2</v>
      </c>
      <c r="W37" s="3">
        <v>40553</v>
      </c>
      <c r="X37">
        <v>0.71988205136012917</v>
      </c>
      <c r="AB37" s="3"/>
      <c r="AG37" s="3">
        <v>40462</v>
      </c>
      <c r="AH37">
        <v>-0.60033073712431295</v>
      </c>
    </row>
    <row r="38" spans="3:34">
      <c r="C38" s="3">
        <v>40599</v>
      </c>
      <c r="D38">
        <v>1.0058855956859225</v>
      </c>
      <c r="H38" s="3">
        <v>40569</v>
      </c>
      <c r="I38">
        <v>-1.9656595165492674E-2</v>
      </c>
      <c r="M38" s="3">
        <v>40400</v>
      </c>
      <c r="N38">
        <v>-0.32235605314373739</v>
      </c>
      <c r="R38" s="3">
        <v>40458</v>
      </c>
      <c r="S38">
        <v>-8.7243831252270532E-4</v>
      </c>
      <c r="W38" s="3">
        <v>40603</v>
      </c>
      <c r="X38">
        <v>0.56499010400780669</v>
      </c>
      <c r="AB38" s="3"/>
      <c r="AG38" s="3">
        <v>40493</v>
      </c>
      <c r="AH38">
        <v>-0.59345401704672074</v>
      </c>
    </row>
    <row r="39" spans="3:34">
      <c r="C39" s="3">
        <v>40618</v>
      </c>
      <c r="D39">
        <v>0.87227719091212275</v>
      </c>
      <c r="H39" s="3">
        <v>40604</v>
      </c>
      <c r="I39">
        <v>-5.6347806749630913E-2</v>
      </c>
      <c r="M39" s="3">
        <v>40457</v>
      </c>
      <c r="N39">
        <v>-0.26714555749775615</v>
      </c>
      <c r="R39" s="3">
        <v>40504</v>
      </c>
      <c r="S39">
        <v>5.1582943748189614E-2</v>
      </c>
      <c r="W39" s="3">
        <v>40652</v>
      </c>
      <c r="X39">
        <v>0.69278689513730018</v>
      </c>
      <c r="AB39" s="3"/>
      <c r="AG39" s="3">
        <v>40527</v>
      </c>
      <c r="AH39">
        <v>-0.63044629262796414</v>
      </c>
    </row>
    <row r="40" spans="3:34">
      <c r="C40" s="3">
        <v>40646</v>
      </c>
      <c r="D40">
        <v>0.82646998206492395</v>
      </c>
      <c r="H40" s="3">
        <v>40648</v>
      </c>
      <c r="I40">
        <v>-0.13617100550161165</v>
      </c>
      <c r="M40" s="3">
        <v>40480</v>
      </c>
      <c r="N40">
        <v>-0.28098480654631197</v>
      </c>
      <c r="R40" s="3">
        <v>40588</v>
      </c>
      <c r="S40">
        <v>7.7560340817519835E-2</v>
      </c>
      <c r="W40" s="3">
        <v>40681</v>
      </c>
      <c r="X40">
        <v>0.66840706467498068</v>
      </c>
      <c r="AB40" s="3"/>
      <c r="AG40" s="3">
        <v>40571</v>
      </c>
      <c r="AH40">
        <v>-0.62370014831434617</v>
      </c>
    </row>
    <row r="41" spans="3:34">
      <c r="C41" s="3">
        <v>40676</v>
      </c>
      <c r="D41">
        <v>0.77476457918948949</v>
      </c>
      <c r="H41" s="3">
        <v>40689</v>
      </c>
      <c r="I41">
        <v>-0.16226677118538257</v>
      </c>
      <c r="M41" s="3">
        <v>40564</v>
      </c>
      <c r="N41">
        <v>-0.23287776838420216</v>
      </c>
      <c r="R41" s="3">
        <v>40679</v>
      </c>
      <c r="S41">
        <v>0.24504040197488886</v>
      </c>
      <c r="W41" s="3">
        <v>40744</v>
      </c>
      <c r="X41">
        <v>0.85154278536829753</v>
      </c>
      <c r="AB41" s="3"/>
      <c r="AG41" s="3">
        <v>40598</v>
      </c>
      <c r="AH41">
        <v>-0.62118127637155562</v>
      </c>
    </row>
    <row r="42" spans="3:34">
      <c r="C42" s="3">
        <v>40710</v>
      </c>
      <c r="D42">
        <v>0.66738645298357646</v>
      </c>
      <c r="H42" s="3">
        <v>40710</v>
      </c>
      <c r="I42">
        <v>-0.19260242437332009</v>
      </c>
      <c r="M42" s="3">
        <v>40584</v>
      </c>
      <c r="N42">
        <v>-0.33997486938740795</v>
      </c>
      <c r="R42" s="3">
        <v>40749</v>
      </c>
      <c r="S42">
        <v>0.3244010024259627</v>
      </c>
      <c r="W42" s="3">
        <v>40812</v>
      </c>
      <c r="X42">
        <v>1.1356807938146067</v>
      </c>
      <c r="AB42" s="3"/>
      <c r="AG42" s="3">
        <v>40648</v>
      </c>
      <c r="AH42">
        <v>-0.54279532624581439</v>
      </c>
    </row>
    <row r="43" spans="3:34">
      <c r="C43" s="3">
        <v>40759</v>
      </c>
      <c r="D43">
        <v>0.88367143797743619</v>
      </c>
      <c r="H43" s="3">
        <v>40758</v>
      </c>
      <c r="I43">
        <v>-6.8415989198483573E-2</v>
      </c>
      <c r="M43" s="3">
        <v>40627</v>
      </c>
      <c r="N43">
        <v>-0.38015027624941733</v>
      </c>
      <c r="R43" s="3">
        <v>40820</v>
      </c>
      <c r="S43">
        <v>0.44715694887115975</v>
      </c>
      <c r="W43" s="3">
        <v>40844</v>
      </c>
      <c r="X43">
        <v>0.91526497433675535</v>
      </c>
      <c r="AB43" s="3"/>
      <c r="AG43" s="3">
        <v>40709</v>
      </c>
      <c r="AH43">
        <v>-0.58983769011877096</v>
      </c>
    </row>
    <row r="44" spans="3:34">
      <c r="C44" s="3">
        <v>40816</v>
      </c>
      <c r="D44">
        <v>0.87257311755125122</v>
      </c>
      <c r="H44" s="3">
        <v>40814</v>
      </c>
      <c r="I44">
        <v>-8.8849886125067168E-2</v>
      </c>
      <c r="M44" s="3">
        <v>40658</v>
      </c>
      <c r="N44">
        <v>-0.38195741830116825</v>
      </c>
      <c r="R44" s="3">
        <v>40851</v>
      </c>
      <c r="S44">
        <v>0.41730635174097896</v>
      </c>
      <c r="W44" s="3">
        <v>40872</v>
      </c>
      <c r="X44">
        <v>0.603747494008811</v>
      </c>
      <c r="AB44" s="3"/>
      <c r="AG44" s="3">
        <v>40744</v>
      </c>
      <c r="AH44">
        <v>-0.50597558348248239</v>
      </c>
    </row>
    <row r="45" spans="3:34">
      <c r="C45" s="3">
        <v>40849</v>
      </c>
      <c r="D45">
        <v>0.76245569737885233</v>
      </c>
      <c r="H45" s="3">
        <v>40850</v>
      </c>
      <c r="I45">
        <v>-2.6078805019552287E-2</v>
      </c>
      <c r="M45" s="3">
        <v>40680</v>
      </c>
      <c r="N45">
        <v>-0.41132063365166893</v>
      </c>
      <c r="R45" s="3">
        <v>40896</v>
      </c>
      <c r="S45">
        <v>0.29150992998882108</v>
      </c>
      <c r="W45" s="3">
        <v>40905</v>
      </c>
      <c r="X45">
        <v>0.44472699359773937</v>
      </c>
      <c r="AB45" s="3"/>
      <c r="AG45" s="3">
        <v>40808</v>
      </c>
      <c r="AH45">
        <v>-0.5753389647407906</v>
      </c>
    </row>
    <row r="46" spans="3:34">
      <c r="C46" s="3">
        <v>40906</v>
      </c>
      <c r="D46">
        <v>0.83219415608703229</v>
      </c>
      <c r="H46" s="3">
        <v>40905</v>
      </c>
      <c r="I46">
        <v>-5.9773491342318685E-4</v>
      </c>
      <c r="M46" s="3">
        <v>40749</v>
      </c>
      <c r="N46">
        <v>-0.38049769406398215</v>
      </c>
      <c r="R46" s="3">
        <v>40935</v>
      </c>
      <c r="S46">
        <v>0.37483309652600916</v>
      </c>
      <c r="W46" s="3">
        <v>40945</v>
      </c>
      <c r="X46">
        <v>0.4489200959084545</v>
      </c>
      <c r="AB46" s="3"/>
      <c r="AG46" s="3">
        <v>40856</v>
      </c>
      <c r="AH46">
        <v>-0.55800587450939232</v>
      </c>
    </row>
    <row r="47" spans="3:34">
      <c r="C47" s="3">
        <v>40932</v>
      </c>
      <c r="D47">
        <v>0.90190797586207583</v>
      </c>
      <c r="H47" s="3">
        <v>40970</v>
      </c>
      <c r="I47">
        <v>1.8084199701882131E-2</v>
      </c>
      <c r="M47" s="3">
        <v>40757</v>
      </c>
      <c r="N47">
        <v>-0.40177978452399521</v>
      </c>
      <c r="R47" s="3">
        <v>40946</v>
      </c>
      <c r="S47">
        <v>0.36969156008301374</v>
      </c>
      <c r="W47" s="3">
        <v>41009</v>
      </c>
      <c r="X47">
        <v>0.4742290245435401</v>
      </c>
      <c r="AB47" s="3"/>
      <c r="AG47" s="3">
        <v>40897</v>
      </c>
      <c r="AH47">
        <v>-0.58673215997883821</v>
      </c>
    </row>
    <row r="48" spans="3:34">
      <c r="C48" s="3">
        <v>40969</v>
      </c>
      <c r="D48">
        <v>1.2699573056952014</v>
      </c>
      <c r="H48" s="3">
        <v>41008</v>
      </c>
      <c r="I48">
        <v>3.5442837721477716E-3</v>
      </c>
      <c r="M48" s="3">
        <v>40813</v>
      </c>
      <c r="N48">
        <v>-0.37737053998060888</v>
      </c>
      <c r="R48" s="3">
        <v>41004</v>
      </c>
      <c r="S48">
        <v>0.4001181169573309</v>
      </c>
      <c r="W48" s="3">
        <v>41046</v>
      </c>
      <c r="X48">
        <v>0.41905507057185809</v>
      </c>
      <c r="AB48" s="3"/>
      <c r="AG48" s="3">
        <v>40935</v>
      </c>
      <c r="AH48">
        <v>-0.55961008193706974</v>
      </c>
    </row>
    <row r="49" spans="3:34">
      <c r="C49" s="3">
        <v>41001</v>
      </c>
      <c r="D49">
        <v>1.3174199130307072</v>
      </c>
      <c r="H49" s="3">
        <v>41058</v>
      </c>
      <c r="I49">
        <v>-2.3851024780188301E-2</v>
      </c>
      <c r="M49" s="3">
        <v>40848</v>
      </c>
      <c r="N49">
        <v>-0.35538244839663968</v>
      </c>
      <c r="R49" s="3">
        <v>41043</v>
      </c>
      <c r="S49">
        <v>0.30677686402107818</v>
      </c>
      <c r="W49" s="3">
        <v>41100</v>
      </c>
      <c r="X49">
        <v>0.43871865122643361</v>
      </c>
      <c r="AB49" s="3"/>
      <c r="AG49" s="3">
        <v>40967</v>
      </c>
      <c r="AH49">
        <v>-0.55037637478727142</v>
      </c>
    </row>
    <row r="50" spans="3:34">
      <c r="C50" s="3">
        <v>41044</v>
      </c>
      <c r="D50">
        <v>1.2522349707175455</v>
      </c>
      <c r="H50" s="3">
        <v>41138</v>
      </c>
      <c r="I50">
        <v>0.13663876753991144</v>
      </c>
      <c r="M50" s="3">
        <v>40897</v>
      </c>
      <c r="N50">
        <v>-0.3714295681362132</v>
      </c>
      <c r="R50" s="3">
        <v>41089</v>
      </c>
      <c r="S50">
        <v>0.33584976701809466</v>
      </c>
      <c r="W50" s="3">
        <v>41138</v>
      </c>
      <c r="X50">
        <v>0.46967588681242423</v>
      </c>
      <c r="AB50" s="3"/>
      <c r="AG50" s="3">
        <v>41011</v>
      </c>
      <c r="AH50">
        <v>-0.52659998858088319</v>
      </c>
    </row>
    <row r="51" spans="3:34">
      <c r="C51" s="3">
        <v>41085</v>
      </c>
      <c r="D51">
        <v>1.2530641047527964</v>
      </c>
      <c r="H51" s="3">
        <v>41192</v>
      </c>
      <c r="I51">
        <v>0.16329311689035864</v>
      </c>
      <c r="M51" s="3">
        <v>40939</v>
      </c>
      <c r="N51">
        <v>-0.34717711489833991</v>
      </c>
      <c r="R51" s="3">
        <v>41142</v>
      </c>
      <c r="S51">
        <v>0.34047035944243742</v>
      </c>
      <c r="W51" s="3">
        <v>41177</v>
      </c>
      <c r="X51">
        <v>0.50143408942848144</v>
      </c>
      <c r="AB51" s="3"/>
      <c r="AG51" s="3">
        <v>41086</v>
      </c>
      <c r="AH51">
        <v>-0.5613096436735252</v>
      </c>
    </row>
    <row r="52" spans="3:34">
      <c r="C52" s="3">
        <v>41114</v>
      </c>
      <c r="D52">
        <v>1.2197449529464746</v>
      </c>
      <c r="H52" s="3">
        <v>41267</v>
      </c>
      <c r="I52">
        <v>0.23945998346161734</v>
      </c>
      <c r="M52" s="3">
        <v>41009</v>
      </c>
      <c r="N52">
        <v>-0.36630152012844841</v>
      </c>
      <c r="R52" s="3">
        <v>41200</v>
      </c>
      <c r="S52">
        <v>0.24296069517145602</v>
      </c>
      <c r="W52" s="3">
        <v>41260</v>
      </c>
      <c r="X52">
        <v>0.68302228887148897</v>
      </c>
      <c r="AB52" s="3"/>
      <c r="AG52" s="3">
        <v>41113</v>
      </c>
      <c r="AH52">
        <v>-0.56233127936169369</v>
      </c>
    </row>
    <row r="53" spans="3:34">
      <c r="C53" s="3">
        <v>41157</v>
      </c>
      <c r="D53">
        <v>1.3930186982559758</v>
      </c>
      <c r="H53" s="3">
        <v>41291</v>
      </c>
      <c r="I53">
        <v>0.21619003639739165</v>
      </c>
      <c r="M53" s="3">
        <v>41039</v>
      </c>
      <c r="N53">
        <v>-0.46684330265554042</v>
      </c>
      <c r="R53" s="3">
        <v>41227</v>
      </c>
      <c r="S53">
        <v>0.1302730342773819</v>
      </c>
      <c r="W53" s="3">
        <v>41303</v>
      </c>
      <c r="X53">
        <v>0.63534694235699041</v>
      </c>
      <c r="AB53" s="3"/>
      <c r="AG53" s="3">
        <v>41142</v>
      </c>
      <c r="AH53">
        <v>-0.52794057238120162</v>
      </c>
    </row>
    <row r="54" spans="3:34">
      <c r="C54" s="3">
        <v>41218</v>
      </c>
      <c r="D54">
        <v>1.2951842876366517</v>
      </c>
      <c r="H54" s="3">
        <v>41331</v>
      </c>
      <c r="I54">
        <v>0.27161699328627398</v>
      </c>
      <c r="M54" s="3">
        <v>41093</v>
      </c>
      <c r="N54">
        <v>-0.44212093243828254</v>
      </c>
      <c r="R54" s="3">
        <v>41274</v>
      </c>
      <c r="S54">
        <v>0.16706220651651749</v>
      </c>
      <c r="W54" s="3">
        <v>41352</v>
      </c>
      <c r="X54">
        <v>0.57674405082971947</v>
      </c>
      <c r="AB54" s="3"/>
      <c r="AG54" s="3">
        <v>41192</v>
      </c>
      <c r="AH54">
        <v>-0.5495209126008247</v>
      </c>
    </row>
    <row r="55" spans="3:34">
      <c r="C55" s="3">
        <v>41256</v>
      </c>
      <c r="D55">
        <v>1.127272242438496</v>
      </c>
      <c r="H55" s="3">
        <v>41351</v>
      </c>
      <c r="I55">
        <v>0.23044425437653326</v>
      </c>
      <c r="M55" s="3">
        <v>41156</v>
      </c>
      <c r="N55">
        <v>-0.33668946910684405</v>
      </c>
      <c r="R55" s="3">
        <v>41298</v>
      </c>
      <c r="S55">
        <v>0.11136156334469316</v>
      </c>
      <c r="W55" s="3">
        <v>41393</v>
      </c>
      <c r="X55">
        <v>0.50791163559492936</v>
      </c>
      <c r="AB55" s="3"/>
      <c r="AG55" s="3">
        <v>41215</v>
      </c>
      <c r="AH55">
        <v>-0.58476585683365756</v>
      </c>
    </row>
    <row r="56" spans="3:34">
      <c r="C56" s="3">
        <v>41292</v>
      </c>
      <c r="D56">
        <v>0.93730069326548326</v>
      </c>
      <c r="H56" s="3">
        <v>41382</v>
      </c>
      <c r="I56">
        <v>0.204264917939736</v>
      </c>
      <c r="M56" s="3">
        <v>41200</v>
      </c>
      <c r="N56">
        <v>-0.32948345229591736</v>
      </c>
      <c r="R56" s="3">
        <v>41355</v>
      </c>
      <c r="S56">
        <v>0.12241198029026168</v>
      </c>
      <c r="W56" s="3">
        <v>41430</v>
      </c>
      <c r="X56">
        <v>0.51136244863247837</v>
      </c>
      <c r="AB56" s="3"/>
      <c r="AG56" s="3">
        <v>41297</v>
      </c>
      <c r="AH56">
        <v>-0.53307174868161322</v>
      </c>
    </row>
    <row r="57" spans="3:34">
      <c r="C57" s="3">
        <v>41337</v>
      </c>
      <c r="D57">
        <v>0.69558705219522787</v>
      </c>
      <c r="H57" s="3">
        <v>41418</v>
      </c>
      <c r="I57">
        <v>0.31484946487310173</v>
      </c>
      <c r="M57" s="3">
        <v>41256</v>
      </c>
      <c r="N57">
        <v>-0.25050981587323951</v>
      </c>
      <c r="R57" s="3">
        <v>41407</v>
      </c>
      <c r="S57">
        <v>0.23809805246859828</v>
      </c>
      <c r="W57" s="3">
        <v>41451</v>
      </c>
      <c r="X57">
        <v>0.54418546535150414</v>
      </c>
      <c r="AB57" s="3"/>
      <c r="AG57" s="3">
        <v>41303</v>
      </c>
      <c r="AH57">
        <v>-0.54120391269585455</v>
      </c>
    </row>
    <row r="58" spans="3:34">
      <c r="C58" s="3">
        <v>41369</v>
      </c>
      <c r="D58">
        <v>0.57459054556846834</v>
      </c>
      <c r="H58" s="3">
        <v>41460</v>
      </c>
      <c r="I58">
        <v>0.30444016746982561</v>
      </c>
      <c r="M58" s="3">
        <v>41305</v>
      </c>
      <c r="N58">
        <v>-0.26515666885188449</v>
      </c>
      <c r="R58" s="3">
        <v>41445</v>
      </c>
      <c r="S58">
        <v>0.21253408561859755</v>
      </c>
      <c r="W58" s="3">
        <v>41485</v>
      </c>
      <c r="X58">
        <v>0.60181502540220677</v>
      </c>
      <c r="AB58" s="3"/>
      <c r="AG58" s="3">
        <v>41358</v>
      </c>
      <c r="AH58">
        <v>-0.56865281859232553</v>
      </c>
    </row>
    <row r="59" spans="3:34">
      <c r="C59" s="3">
        <v>41415</v>
      </c>
      <c r="D59">
        <v>0.56349540018002342</v>
      </c>
      <c r="H59" s="3">
        <v>41480</v>
      </c>
      <c r="I59">
        <v>0.25831476197632952</v>
      </c>
      <c r="M59" s="3">
        <v>41330</v>
      </c>
      <c r="N59">
        <v>-0.280821293115047</v>
      </c>
      <c r="R59" s="3">
        <v>41487</v>
      </c>
      <c r="S59">
        <v>0.17505391912412827</v>
      </c>
      <c r="W59" s="3">
        <v>41554</v>
      </c>
      <c r="X59">
        <v>0.71956624431587968</v>
      </c>
      <c r="AB59" s="3"/>
      <c r="AG59" s="3">
        <v>41393</v>
      </c>
      <c r="AH59">
        <v>-0.58157414125581186</v>
      </c>
    </row>
    <row r="60" spans="3:34">
      <c r="C60" s="3">
        <v>41442</v>
      </c>
      <c r="D60">
        <v>0.54348725388198971</v>
      </c>
      <c r="H60" s="3">
        <v>41543</v>
      </c>
      <c r="I60">
        <v>0.26775610819704454</v>
      </c>
      <c r="M60" s="3">
        <v>41358</v>
      </c>
      <c r="N60">
        <v>-0.31310691532060131</v>
      </c>
      <c r="R60" s="3">
        <v>41500</v>
      </c>
      <c r="S60">
        <v>0.16832448397828603</v>
      </c>
      <c r="W60" s="3">
        <v>41590</v>
      </c>
      <c r="X60">
        <v>0.80921707335455517</v>
      </c>
      <c r="AB60" s="3"/>
      <c r="AG60" s="3">
        <v>41425</v>
      </c>
      <c r="AH60">
        <v>-0.56477588171654269</v>
      </c>
    </row>
    <row r="61" spans="3:34">
      <c r="C61" s="3">
        <v>41515</v>
      </c>
      <c r="D61">
        <v>0.79692843522124091</v>
      </c>
      <c r="H61" s="3">
        <v>41586</v>
      </c>
      <c r="I61">
        <v>0.44924930871457613</v>
      </c>
      <c r="M61" s="3">
        <v>41393</v>
      </c>
      <c r="N61">
        <v>-0.33096489101491755</v>
      </c>
      <c r="R61" s="3">
        <v>41516</v>
      </c>
      <c r="S61">
        <v>0.14437482234705468</v>
      </c>
      <c r="W61" s="3">
        <v>41624</v>
      </c>
      <c r="X61">
        <v>0.7878440520582255</v>
      </c>
      <c r="AB61" s="3"/>
      <c r="AG61" s="3">
        <v>41499</v>
      </c>
      <c r="AH61">
        <v>-0.36549992010266341</v>
      </c>
    </row>
    <row r="62" spans="3:34">
      <c r="C62" s="3">
        <v>41584</v>
      </c>
      <c r="D62">
        <v>0.96341065336961407</v>
      </c>
      <c r="H62" s="3">
        <v>41625</v>
      </c>
      <c r="I62">
        <v>0.46329610947922562</v>
      </c>
      <c r="M62" s="3">
        <v>41431</v>
      </c>
      <c r="N62">
        <v>-0.20729671576969366</v>
      </c>
      <c r="R62" s="3">
        <v>41548</v>
      </c>
      <c r="S62">
        <v>0.18378238306222272</v>
      </c>
      <c r="W62" s="3">
        <v>41648</v>
      </c>
      <c r="X62">
        <v>0.78379612361902873</v>
      </c>
      <c r="AB62" s="3"/>
      <c r="AG62" s="3">
        <v>41556</v>
      </c>
      <c r="AH62">
        <v>-0.35654230265290554</v>
      </c>
    </row>
    <row r="63" spans="3:34">
      <c r="C63" s="3">
        <v>41626</v>
      </c>
      <c r="D63">
        <v>0.98070859758878615</v>
      </c>
      <c r="H63" s="3">
        <v>41652</v>
      </c>
      <c r="I63">
        <v>0.47363669814638465</v>
      </c>
      <c r="M63" s="3">
        <v>41484</v>
      </c>
      <c r="N63">
        <v>-0.22384331606505703</v>
      </c>
      <c r="R63" s="3">
        <v>41585</v>
      </c>
      <c r="S63">
        <v>0.19270536622278334</v>
      </c>
      <c r="W63" s="3">
        <v>41722</v>
      </c>
      <c r="X63">
        <v>0.80997998240377234</v>
      </c>
      <c r="AB63" s="3"/>
      <c r="AG63" s="3">
        <v>41584</v>
      </c>
      <c r="AH63">
        <v>-0.414439050991807</v>
      </c>
    </row>
    <row r="64" spans="3:34">
      <c r="C64" s="3">
        <v>41669</v>
      </c>
      <c r="D64">
        <v>0.79492402477741186</v>
      </c>
      <c r="H64" s="3">
        <v>41663</v>
      </c>
      <c r="I64">
        <v>0.42153527821873715</v>
      </c>
      <c r="M64" s="3">
        <v>41548</v>
      </c>
      <c r="N64">
        <v>-0.25339895138046054</v>
      </c>
      <c r="R64" s="3">
        <v>41648</v>
      </c>
      <c r="S64">
        <v>0.23364825745980955</v>
      </c>
      <c r="W64" s="3">
        <v>41766</v>
      </c>
      <c r="X64">
        <v>0.63060299109653872</v>
      </c>
      <c r="AB64" s="3"/>
      <c r="AG64" s="3">
        <v>41626</v>
      </c>
      <c r="AH64">
        <v>-0.36480579028403692</v>
      </c>
    </row>
    <row r="65" spans="3:34">
      <c r="C65" s="3">
        <v>41704</v>
      </c>
      <c r="D65">
        <v>0.7512378213767843</v>
      </c>
      <c r="H65" s="3">
        <v>41703</v>
      </c>
      <c r="I65">
        <v>0.45935301178531551</v>
      </c>
      <c r="M65" s="3">
        <v>41597</v>
      </c>
      <c r="N65">
        <v>-0.30256456775270224</v>
      </c>
      <c r="R65" s="3">
        <v>41711</v>
      </c>
      <c r="S65">
        <v>0.2241816512838255</v>
      </c>
      <c r="W65" s="3">
        <v>41814</v>
      </c>
      <c r="X65">
        <v>0.77553325767506487</v>
      </c>
      <c r="AB65" s="3"/>
      <c r="AG65" s="3">
        <v>41655</v>
      </c>
      <c r="AH65">
        <v>-0.37392550264036217</v>
      </c>
    </row>
    <row r="66" spans="3:34">
      <c r="C66" s="3">
        <v>41737</v>
      </c>
      <c r="D66">
        <v>0.7000833215420259</v>
      </c>
      <c r="H66" s="3">
        <v>41802</v>
      </c>
      <c r="I66">
        <v>0.44574387555906259</v>
      </c>
      <c r="M66" s="3">
        <v>41656</v>
      </c>
      <c r="N66">
        <v>-0.25260685783710224</v>
      </c>
      <c r="R66" s="3">
        <v>41751</v>
      </c>
      <c r="S66">
        <v>0.30540466906864805</v>
      </c>
      <c r="W66" s="3">
        <v>41849</v>
      </c>
      <c r="X66">
        <v>0.60300936477260492</v>
      </c>
      <c r="AB66" s="3"/>
      <c r="AG66" s="3">
        <v>41708</v>
      </c>
      <c r="AH66">
        <v>-0.32704020667543732</v>
      </c>
    </row>
    <row r="67" spans="3:34">
      <c r="C67" s="3">
        <v>41774</v>
      </c>
      <c r="D67">
        <v>0.75025891316377114</v>
      </c>
      <c r="H67" s="3">
        <v>41836</v>
      </c>
      <c r="I67">
        <v>0.44571912282432158</v>
      </c>
      <c r="M67" s="3">
        <v>41697</v>
      </c>
      <c r="N67">
        <v>-0.26435304552264394</v>
      </c>
      <c r="R67" s="3">
        <v>41822</v>
      </c>
      <c r="S67">
        <v>0.53828205056921519</v>
      </c>
      <c r="W67" s="3">
        <v>41891</v>
      </c>
      <c r="X67">
        <v>0.58010444388805493</v>
      </c>
      <c r="AB67" s="3"/>
      <c r="AG67" s="3">
        <v>41766</v>
      </c>
      <c r="AH67">
        <v>-0.32565828095088922</v>
      </c>
    </row>
    <row r="68" spans="3:34">
      <c r="C68" s="3">
        <v>41799</v>
      </c>
      <c r="D68">
        <v>-0.74566660936798534</v>
      </c>
      <c r="H68" s="3">
        <v>41892</v>
      </c>
      <c r="I68">
        <v>0.44228105791828787</v>
      </c>
      <c r="M68" s="3">
        <v>41746</v>
      </c>
      <c r="N68">
        <v>-0.21061646476393825</v>
      </c>
      <c r="R68" s="3">
        <v>41855</v>
      </c>
      <c r="S68">
        <v>0.50556196545092735</v>
      </c>
      <c r="W68" s="3">
        <v>41928</v>
      </c>
      <c r="X68">
        <v>0.48277382103894118</v>
      </c>
      <c r="AB68" s="3"/>
      <c r="AG68" s="3">
        <v>41816</v>
      </c>
      <c r="AH68">
        <v>-0.26097167433178703</v>
      </c>
    </row>
    <row r="69" spans="3:34">
      <c r="C69" s="3">
        <v>41845</v>
      </c>
      <c r="D69">
        <v>-0.72993323609304406</v>
      </c>
      <c r="H69" s="3">
        <v>41906</v>
      </c>
      <c r="I69">
        <v>0.42270636204562151</v>
      </c>
      <c r="M69" s="3">
        <v>41799</v>
      </c>
      <c r="N69">
        <v>-0.19668813782687999</v>
      </c>
      <c r="R69" s="3">
        <v>41892</v>
      </c>
      <c r="S69">
        <v>0.50900920260734628</v>
      </c>
      <c r="W69" s="3">
        <v>41977</v>
      </c>
      <c r="X69">
        <v>0.53845187772055847</v>
      </c>
      <c r="AB69" s="3"/>
      <c r="AG69" s="3">
        <v>41831</v>
      </c>
      <c r="AH69">
        <v>-0.27598878304408359</v>
      </c>
    </row>
    <row r="70" spans="3:34">
      <c r="C70" s="3">
        <v>41890</v>
      </c>
      <c r="D70">
        <v>-0.73586788139649051</v>
      </c>
      <c r="H70" s="3">
        <v>41961</v>
      </c>
      <c r="I70">
        <v>0.38567099281997597</v>
      </c>
      <c r="M70" s="3">
        <v>41849</v>
      </c>
      <c r="N70">
        <v>-0.18010534524555777</v>
      </c>
      <c r="R70" s="3">
        <v>41962</v>
      </c>
      <c r="S70">
        <v>0.5362910497617619</v>
      </c>
      <c r="W70" s="3">
        <v>42019</v>
      </c>
      <c r="X70">
        <v>0.41475058338860893</v>
      </c>
      <c r="AB70" s="3"/>
      <c r="AG70" s="3">
        <v>41863</v>
      </c>
      <c r="AH70">
        <v>-0.2338460640886082</v>
      </c>
    </row>
    <row r="71" spans="3:34">
      <c r="C71" s="3">
        <v>41913</v>
      </c>
      <c r="D71">
        <v>-0.73233245407077308</v>
      </c>
      <c r="H71" s="3">
        <v>41988</v>
      </c>
      <c r="I71">
        <v>0.33482902458066244</v>
      </c>
      <c r="M71" s="3">
        <v>41906</v>
      </c>
      <c r="N71">
        <v>-0.17081102645437263</v>
      </c>
      <c r="R71" s="3">
        <v>41985</v>
      </c>
      <c r="S71">
        <v>0.50839625246818754</v>
      </c>
      <c r="W71" s="3">
        <v>42058</v>
      </c>
      <c r="X71">
        <v>0.73675418537617943</v>
      </c>
      <c r="AB71" s="3"/>
      <c r="AG71" s="3">
        <v>41901</v>
      </c>
      <c r="AH71">
        <v>-0.23982795887962982</v>
      </c>
    </row>
    <row r="72" spans="3:34">
      <c r="C72" s="3">
        <v>41962</v>
      </c>
      <c r="D72">
        <v>-0.70197652633832108</v>
      </c>
      <c r="H72" s="3">
        <v>42017</v>
      </c>
      <c r="I72">
        <v>0.24022152970183019</v>
      </c>
      <c r="M72" s="3">
        <v>41978</v>
      </c>
      <c r="N72">
        <v>-5.3830009439636894E-2</v>
      </c>
      <c r="R72" s="3">
        <v>42016</v>
      </c>
      <c r="S72">
        <v>0.50469613868191043</v>
      </c>
      <c r="W72" s="3">
        <v>42137</v>
      </c>
      <c r="X72">
        <v>0.97914588842292227</v>
      </c>
      <c r="AB72" s="3"/>
      <c r="AG72" s="3">
        <v>41961</v>
      </c>
      <c r="AH72">
        <v>-0.1497407555073994</v>
      </c>
    </row>
    <row r="73" spans="3:34">
      <c r="C73" s="3">
        <v>41975</v>
      </c>
      <c r="D73">
        <v>-0.71292075721203507</v>
      </c>
      <c r="H73" s="3">
        <v>42054</v>
      </c>
      <c r="I73">
        <v>0.24692849205159306</v>
      </c>
      <c r="M73" s="3">
        <v>42016</v>
      </c>
      <c r="N73">
        <v>-6.4172554540876336E-2</v>
      </c>
      <c r="R73" s="3">
        <v>42031</v>
      </c>
      <c r="S73">
        <v>0.39381087718337526</v>
      </c>
      <c r="W73" s="3">
        <v>42167</v>
      </c>
      <c r="X73">
        <v>1.0091485857843665</v>
      </c>
      <c r="AB73" s="3"/>
      <c r="AG73" s="3">
        <v>42016</v>
      </c>
      <c r="AH73">
        <v>-0.19942984287173771</v>
      </c>
    </row>
    <row r="74" spans="3:34">
      <c r="C74" s="3">
        <v>42019</v>
      </c>
      <c r="D74">
        <v>-0.72746351286686928</v>
      </c>
      <c r="H74" s="3">
        <v>42079</v>
      </c>
      <c r="I74">
        <v>0.21019760378609598</v>
      </c>
      <c r="M74" s="3">
        <v>42031</v>
      </c>
      <c r="N74">
        <v>-9.9972857244277291E-2</v>
      </c>
      <c r="R74" s="3">
        <v>42072</v>
      </c>
      <c r="S74">
        <v>0.31276599509841496</v>
      </c>
      <c r="W74" s="3">
        <v>42174</v>
      </c>
      <c r="X74">
        <v>0.9887091176804923</v>
      </c>
      <c r="AB74" s="3"/>
      <c r="AG74" s="3">
        <v>42044</v>
      </c>
      <c r="AH74">
        <v>-0.26221832335680484</v>
      </c>
    </row>
    <row r="75" spans="3:34">
      <c r="C75" s="3">
        <v>42065</v>
      </c>
      <c r="D75">
        <v>-0.68699525437846609</v>
      </c>
      <c r="H75" s="3">
        <v>42136</v>
      </c>
      <c r="I75">
        <v>0.18702547620633214</v>
      </c>
      <c r="M75" s="3">
        <v>42069</v>
      </c>
      <c r="N75">
        <v>-0.1152638382628931</v>
      </c>
      <c r="R75" s="3">
        <v>42128</v>
      </c>
      <c r="S75">
        <v>0.39497039450446292</v>
      </c>
      <c r="W75" s="3">
        <v>42194</v>
      </c>
      <c r="X75">
        <v>0.98004851277688987</v>
      </c>
      <c r="AB75" s="3"/>
      <c r="AG75" s="3">
        <v>42101</v>
      </c>
      <c r="AH75">
        <v>-0.27104996780003909</v>
      </c>
    </row>
    <row r="76" spans="3:34">
      <c r="C76" s="3">
        <v>42130</v>
      </c>
      <c r="D76">
        <v>-0.6825255669277287</v>
      </c>
      <c r="H76" s="3">
        <v>42166</v>
      </c>
      <c r="I76">
        <v>0.17493786386727339</v>
      </c>
      <c r="M76" s="3">
        <v>42131</v>
      </c>
      <c r="N76">
        <v>-6.0477372855417877E-2</v>
      </c>
      <c r="R76" s="3">
        <v>42160</v>
      </c>
      <c r="S76">
        <v>0.34186888352748857</v>
      </c>
      <c r="W76" s="3">
        <v>42227</v>
      </c>
      <c r="X76">
        <v>1.2432639912526962</v>
      </c>
      <c r="AB76" s="3"/>
      <c r="AG76" s="3">
        <v>42124</v>
      </c>
      <c r="AH76">
        <v>-0.31749750366954255</v>
      </c>
    </row>
    <row r="77" spans="3:34">
      <c r="C77" s="3">
        <v>42164</v>
      </c>
      <c r="D77">
        <v>-0.69211818300478145</v>
      </c>
      <c r="H77" s="3">
        <v>42192</v>
      </c>
      <c r="I77">
        <v>0.14693193109324532</v>
      </c>
      <c r="M77" s="3">
        <v>42187</v>
      </c>
      <c r="N77">
        <v>-0.10812252490503804</v>
      </c>
      <c r="R77" s="3">
        <v>42193</v>
      </c>
      <c r="S77">
        <v>0.23742207139921589</v>
      </c>
      <c r="W77" s="3">
        <v>42277</v>
      </c>
      <c r="X77">
        <v>1.1988060281084612</v>
      </c>
      <c r="AB77" s="3"/>
      <c r="AG77" s="3">
        <v>42173</v>
      </c>
      <c r="AH77">
        <v>-0.29439022663154779</v>
      </c>
    </row>
    <row r="78" spans="3:34">
      <c r="C78" s="3">
        <v>42194</v>
      </c>
      <c r="D78">
        <v>-0.70527489622406214</v>
      </c>
      <c r="H78" s="3">
        <v>42221</v>
      </c>
      <c r="I78">
        <v>0.31800348092238107</v>
      </c>
      <c r="M78" s="3">
        <v>42227</v>
      </c>
      <c r="N78">
        <v>-0.11318641404681218</v>
      </c>
      <c r="R78" s="3">
        <v>42237</v>
      </c>
      <c r="S78">
        <v>0.17127334819010875</v>
      </c>
      <c r="W78" s="3">
        <v>42324</v>
      </c>
      <c r="X78">
        <v>1.5325519586199881</v>
      </c>
      <c r="AB78" s="3"/>
      <c r="AG78" s="3">
        <v>42220</v>
      </c>
      <c r="AH78">
        <v>-0.41586731496685247</v>
      </c>
    </row>
    <row r="79" spans="3:34">
      <c r="C79" s="3">
        <v>42219</v>
      </c>
      <c r="D79">
        <v>-0.72836944020834893</v>
      </c>
      <c r="H79" s="3">
        <v>42278</v>
      </c>
      <c r="I79">
        <v>0.28750546224148876</v>
      </c>
      <c r="M79" s="3">
        <v>42279</v>
      </c>
      <c r="N79">
        <v>-0.12204773350675946</v>
      </c>
      <c r="R79" s="3">
        <v>42272</v>
      </c>
      <c r="S79">
        <v>0.1438774233926674</v>
      </c>
      <c r="W79" s="3">
        <v>42375</v>
      </c>
      <c r="X79">
        <v>1.3251905338004102</v>
      </c>
      <c r="AB79" s="3"/>
      <c r="AG79" s="3">
        <v>42241</v>
      </c>
      <c r="AH79">
        <v>-0.49161154705409771</v>
      </c>
    </row>
    <row r="80" spans="3:34">
      <c r="C80" s="3">
        <v>42277</v>
      </c>
      <c r="D80">
        <v>-0.7167090488527903</v>
      </c>
      <c r="H80" s="3">
        <v>42320</v>
      </c>
      <c r="I80">
        <v>0.45586252362781243</v>
      </c>
      <c r="M80" s="3">
        <v>42305</v>
      </c>
      <c r="N80">
        <v>-3.9974695635239921E-2</v>
      </c>
      <c r="R80" s="3">
        <v>42306</v>
      </c>
      <c r="S80">
        <v>0.20439813038907917</v>
      </c>
      <c r="W80" s="3">
        <v>42410</v>
      </c>
      <c r="X80">
        <v>0.79500987121391042</v>
      </c>
      <c r="AB80" s="3"/>
      <c r="AG80" s="3">
        <v>42251</v>
      </c>
      <c r="AH80">
        <v>-0.51209681397103923</v>
      </c>
    </row>
    <row r="81" spans="3:34">
      <c r="C81" s="3">
        <v>42320</v>
      </c>
      <c r="D81">
        <v>-0.70659242576010617</v>
      </c>
      <c r="H81" s="3">
        <v>42348</v>
      </c>
      <c r="I81">
        <v>0.42292192568291975</v>
      </c>
      <c r="M81" s="3">
        <v>42356</v>
      </c>
      <c r="N81">
        <v>-8.0908752675983964E-2</v>
      </c>
      <c r="R81" s="3">
        <v>42354</v>
      </c>
      <c r="S81">
        <v>0.23375664631726645</v>
      </c>
      <c r="W81" s="3">
        <v>42445</v>
      </c>
      <c r="X81">
        <v>0.86425353729826515</v>
      </c>
      <c r="AB81" s="3"/>
      <c r="AG81" s="3">
        <v>42276</v>
      </c>
      <c r="AH81">
        <v>-0.55574842710769123</v>
      </c>
    </row>
    <row r="82" spans="3:34">
      <c r="C82" s="3">
        <v>42352</v>
      </c>
      <c r="D82">
        <v>-0.71352008949508927</v>
      </c>
      <c r="H82" s="3">
        <v>42377</v>
      </c>
      <c r="I82">
        <v>0.33965182937971838</v>
      </c>
      <c r="M82" s="3">
        <v>42360</v>
      </c>
      <c r="N82">
        <v>-7.2283646803006918E-2</v>
      </c>
      <c r="R82" s="3">
        <v>42457</v>
      </c>
      <c r="S82">
        <v>0.34140548798639392</v>
      </c>
      <c r="W82" s="3">
        <v>42487</v>
      </c>
      <c r="X82">
        <v>0.88939061181083301</v>
      </c>
      <c r="AB82" s="3"/>
      <c r="AG82" s="3">
        <v>42326</v>
      </c>
      <c r="AH82">
        <v>-0.39284632229789695</v>
      </c>
    </row>
    <row r="83" spans="3:34">
      <c r="C83" s="3">
        <v>42452</v>
      </c>
      <c r="D83">
        <v>-0.70021580909076298</v>
      </c>
      <c r="H83" s="3">
        <v>42416</v>
      </c>
      <c r="I83">
        <v>0.24597805929019256</v>
      </c>
      <c r="M83" s="3">
        <v>42377</v>
      </c>
      <c r="N83">
        <v>-0.17217097011386961</v>
      </c>
      <c r="R83" s="3">
        <v>42489</v>
      </c>
      <c r="S83">
        <v>0.27929951236640926</v>
      </c>
      <c r="W83" s="3">
        <v>42514</v>
      </c>
      <c r="X83">
        <v>0.98317013551019916</v>
      </c>
      <c r="AB83" s="3"/>
      <c r="AG83" s="3">
        <v>42410</v>
      </c>
      <c r="AH83">
        <v>-0.44375841684483541</v>
      </c>
    </row>
    <row r="84" spans="3:34">
      <c r="C84" s="3">
        <v>42457</v>
      </c>
      <c r="D84">
        <v>-0.70157755050481763</v>
      </c>
      <c r="H84" s="3">
        <v>42465</v>
      </c>
      <c r="I84">
        <v>0.30381747637233891</v>
      </c>
      <c r="M84" s="3">
        <v>42436</v>
      </c>
      <c r="N84">
        <v>-2.7390517606902698E-2</v>
      </c>
      <c r="R84" s="3">
        <v>42537</v>
      </c>
      <c r="S84">
        <v>0.34464354315724788</v>
      </c>
      <c r="W84" s="3">
        <v>42577</v>
      </c>
      <c r="X84">
        <v>0.98053159870999318</v>
      </c>
      <c r="AB84" s="3"/>
      <c r="AG84" s="3">
        <v>42446</v>
      </c>
      <c r="AH84">
        <v>-0.35222857709890254</v>
      </c>
    </row>
    <row r="85" spans="3:34">
      <c r="C85" s="3">
        <v>42464</v>
      </c>
      <c r="D85">
        <v>-0.69204398696905622</v>
      </c>
      <c r="H85" s="3">
        <v>42534</v>
      </c>
      <c r="I85">
        <v>0.3176290820166241</v>
      </c>
      <c r="M85" s="3">
        <v>42493</v>
      </c>
      <c r="N85">
        <v>-7.4591155873606874E-2</v>
      </c>
      <c r="R85" s="3">
        <v>42579</v>
      </c>
      <c r="S85">
        <v>0.40823055985984791</v>
      </c>
      <c r="W85" s="3">
        <v>42601</v>
      </c>
      <c r="X85">
        <v>0.95154104423998631</v>
      </c>
      <c r="AB85" s="3"/>
      <c r="AG85" s="3">
        <v>42492</v>
      </c>
      <c r="AH85">
        <v>-0.38368010967581223</v>
      </c>
    </row>
    <row r="86" spans="3:34">
      <c r="C86" s="3">
        <v>42474</v>
      </c>
      <c r="D86">
        <v>-0.69187907767997281</v>
      </c>
      <c r="H86" s="3">
        <v>42598</v>
      </c>
      <c r="I86">
        <v>0.47259305489491954</v>
      </c>
      <c r="M86" s="3">
        <v>42535</v>
      </c>
      <c r="N86">
        <v>-4.1836247456015219E-2</v>
      </c>
      <c r="R86" s="3">
        <v>42639</v>
      </c>
      <c r="S86">
        <v>0.4645757635122878</v>
      </c>
      <c r="W86" s="3">
        <v>42657</v>
      </c>
      <c r="X86">
        <v>1.0472673639187606</v>
      </c>
      <c r="AB86" s="3"/>
      <c r="AG86" s="3">
        <v>42535</v>
      </c>
      <c r="AH86">
        <v>-0.43647952680131363</v>
      </c>
    </row>
    <row r="87" spans="3:34">
      <c r="C87" s="3">
        <v>42535</v>
      </c>
      <c r="D87">
        <v>-0.67879489331908083</v>
      </c>
      <c r="H87" s="3">
        <v>42653</v>
      </c>
      <c r="I87">
        <v>0.49964985683735952</v>
      </c>
      <c r="M87" s="3">
        <v>42585</v>
      </c>
      <c r="N87">
        <v>1.6274277905070633E-4</v>
      </c>
      <c r="R87" s="3">
        <v>42648</v>
      </c>
      <c r="S87">
        <v>0.4964829527967547</v>
      </c>
      <c r="AB87" s="3"/>
      <c r="AG87" s="3">
        <v>42576</v>
      </c>
      <c r="AH87">
        <v>-0.45319915766942442</v>
      </c>
    </row>
    <row r="88" spans="3:34">
      <c r="C88" s="3">
        <v>42600</v>
      </c>
      <c r="D88">
        <v>-0.63480244998155333</v>
      </c>
      <c r="H88" s="3">
        <v>42677</v>
      </c>
      <c r="I88">
        <v>0.42598646648746863</v>
      </c>
      <c r="M88" s="3">
        <v>42628</v>
      </c>
      <c r="N88">
        <v>-7.1308343887073189E-3</v>
      </c>
      <c r="AG88" s="3">
        <v>42578</v>
      </c>
      <c r="AH88">
        <v>-0.44829884803138809</v>
      </c>
    </row>
    <row r="89" spans="3:34">
      <c r="C89" s="3">
        <v>42647</v>
      </c>
      <c r="D89">
        <v>-0.64292356881470558</v>
      </c>
      <c r="M89" s="3">
        <v>42656</v>
      </c>
      <c r="N89">
        <v>-4.450198639576719E-2</v>
      </c>
      <c r="AG89" s="3">
        <v>42613</v>
      </c>
      <c r="AH89">
        <v>-0.43298575169587716</v>
      </c>
    </row>
    <row r="90" spans="3:34">
      <c r="C90" s="3">
        <v>42671</v>
      </c>
      <c r="D90">
        <v>-0.65174328638094736</v>
      </c>
      <c r="AG90" s="3">
        <v>42639</v>
      </c>
      <c r="AH90">
        <v>-0.41842009127338653</v>
      </c>
    </row>
    <row r="91" spans="3:34">
      <c r="AG91" s="3">
        <v>42683</v>
      </c>
      <c r="AH91">
        <v>-0.43981001501421846</v>
      </c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ICBC</vt:lpstr>
      <vt:lpstr>China</vt:lpstr>
      <vt:lpstr>Germany </vt:lpstr>
      <vt:lpstr>US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用户</dc:creator>
  <cp:lastModifiedBy>CUHK</cp:lastModifiedBy>
  <dcterms:created xsi:type="dcterms:W3CDTF">2016-12-03T17:21:51Z</dcterms:created>
  <dcterms:modified xsi:type="dcterms:W3CDTF">2016-12-05T00:07:52Z</dcterms:modified>
</cp:coreProperties>
</file>